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1529\Documents\Osobní\VŠE\4IT495 - Simulace systémů\Semestralka\"/>
    </mc:Choice>
  </mc:AlternateContent>
  <bookViews>
    <workbookView xWindow="0" yWindow="0" windowWidth="14370" windowHeight="11970" firstSheet="3" activeTab="5"/>
  </bookViews>
  <sheets>
    <sheet name="Distribuční ztráty" sheetId="1" r:id="rId1"/>
    <sheet name="Regulace přeshraničních toků" sheetId="3" r:id="rId2"/>
    <sheet name="Zahraniční výpomoc" sheetId="5" r:id="rId3"/>
    <sheet name="Plán výroby" sheetId="6" r:id="rId4"/>
    <sheet name="Odběr elektřiny" sheetId="2" r:id="rId5"/>
    <sheet name="Zatížení" sheetId="7" r:id="rId6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J18" i="3" l="1"/>
  <c r="I18" i="3"/>
  <c r="H18" i="3"/>
  <c r="G18" i="3"/>
  <c r="F18" i="3"/>
  <c r="E18" i="3"/>
  <c r="D18" i="3"/>
  <c r="J17" i="3"/>
  <c r="I17" i="3"/>
  <c r="H17" i="3"/>
  <c r="G17" i="3"/>
  <c r="F17" i="3"/>
  <c r="E17" i="3"/>
  <c r="D17" i="3"/>
  <c r="C18" i="3"/>
  <c r="C17" i="3"/>
  <c r="E14" i="1"/>
  <c r="D14" i="1"/>
  <c r="E13" i="1"/>
  <c r="D13" i="1"/>
  <c r="C14" i="1"/>
  <c r="C13" i="1"/>
  <c r="F14" i="2"/>
  <c r="F13" i="2"/>
  <c r="E14" i="2"/>
  <c r="E13" i="2"/>
  <c r="D14" i="2"/>
  <c r="D13" i="2"/>
  <c r="C14" i="2"/>
  <c r="C13" i="2"/>
  <c r="F12" i="2"/>
  <c r="E12" i="2"/>
  <c r="D4" i="2"/>
  <c r="D5" i="2"/>
  <c r="D6" i="2"/>
  <c r="D7" i="2"/>
  <c r="D8" i="2"/>
  <c r="D9" i="2"/>
  <c r="D10" i="2"/>
  <c r="D11" i="2"/>
  <c r="D3" i="2"/>
  <c r="D12" i="2" s="1"/>
  <c r="F4" i="2"/>
  <c r="F5" i="2"/>
  <c r="F6" i="2"/>
  <c r="F7" i="2"/>
  <c r="F8" i="2"/>
  <c r="F9" i="2"/>
  <c r="F10" i="2"/>
  <c r="F11" i="2"/>
  <c r="F3" i="2"/>
  <c r="C12" i="2"/>
  <c r="C4184" i="7"/>
  <c r="C4183" i="7"/>
  <c r="C4182" i="7"/>
  <c r="C14" i="6"/>
  <c r="D11" i="5" l="1"/>
  <c r="C11" i="5"/>
  <c r="I6" i="3"/>
  <c r="I7" i="3"/>
  <c r="I8" i="3"/>
  <c r="I9" i="3"/>
  <c r="I10" i="3"/>
  <c r="I11" i="3"/>
  <c r="I12" i="3"/>
  <c r="I13" i="3"/>
  <c r="I14" i="3"/>
  <c r="I15" i="3"/>
  <c r="J6" i="3"/>
  <c r="J7" i="3"/>
  <c r="J8" i="3"/>
  <c r="J9" i="3"/>
  <c r="J10" i="3"/>
  <c r="J11" i="3"/>
  <c r="J12" i="3"/>
  <c r="J13" i="3"/>
  <c r="J14" i="3"/>
  <c r="J15" i="3"/>
  <c r="J5" i="3"/>
  <c r="J4" i="3"/>
  <c r="H12" i="3"/>
  <c r="E12" i="3"/>
  <c r="G16" i="3"/>
  <c r="F16" i="3"/>
  <c r="D16" i="3"/>
  <c r="C16" i="3"/>
  <c r="H15" i="3"/>
  <c r="H14" i="3"/>
  <c r="H13" i="3"/>
  <c r="H11" i="3"/>
  <c r="H10" i="3"/>
  <c r="H9" i="3"/>
  <c r="H8" i="3"/>
  <c r="H7" i="3"/>
  <c r="H6" i="3"/>
  <c r="E15" i="3"/>
  <c r="E14" i="3"/>
  <c r="E13" i="3"/>
  <c r="E11" i="3"/>
  <c r="E10" i="3"/>
  <c r="E9" i="3"/>
  <c r="E8" i="3"/>
  <c r="E7" i="3"/>
  <c r="E6" i="3"/>
  <c r="I5" i="3"/>
  <c r="H5" i="3"/>
  <c r="E5" i="3"/>
  <c r="I4" i="3"/>
  <c r="H4" i="3"/>
  <c r="E4" i="3"/>
  <c r="E12" i="1"/>
  <c r="E11" i="1"/>
  <c r="E10" i="1"/>
  <c r="E9" i="1"/>
  <c r="E8" i="1"/>
  <c r="E7" i="1"/>
  <c r="E6" i="1"/>
  <c r="E5" i="1"/>
  <c r="E4" i="1"/>
  <c r="E3" i="1"/>
  <c r="D12" i="1"/>
  <c r="C12" i="1"/>
  <c r="D8" i="1"/>
  <c r="D7" i="1"/>
  <c r="D6" i="1"/>
  <c r="D5" i="1"/>
  <c r="D4" i="1"/>
  <c r="D3" i="1"/>
  <c r="D9" i="1"/>
  <c r="D10" i="1"/>
  <c r="D11" i="1"/>
  <c r="H16" i="3" l="1"/>
  <c r="E16" i="3"/>
  <c r="I16" i="3"/>
  <c r="J16" i="3" l="1"/>
</calcChain>
</file>

<file path=xl/sharedStrings.xml><?xml version="1.0" encoding="utf-8"?>
<sst xmlns="http://schemas.openxmlformats.org/spreadsheetml/2006/main" count="54" uniqueCount="33">
  <si>
    <t>Plánované</t>
  </si>
  <si>
    <t>Rok</t>
  </si>
  <si>
    <t>Roční distribuční ztráty</t>
  </si>
  <si>
    <t>Ztráty v PJ</t>
  </si>
  <si>
    <t>Ztráty v Gwatt</t>
  </si>
  <si>
    <t>AVG</t>
  </si>
  <si>
    <t>Ztráty v Mwatt</t>
  </si>
  <si>
    <t>Skutečné</t>
  </si>
  <si>
    <t>Import</t>
  </si>
  <si>
    <t>Export</t>
  </si>
  <si>
    <t>Rozdíl</t>
  </si>
  <si>
    <t>Rozdíl plán a skutečnost</t>
  </si>
  <si>
    <t>Regulace exportu a importu (MW)</t>
  </si>
  <si>
    <t>Data jsou z: https://www.czso.cz/csu/czso/ene_cr</t>
  </si>
  <si>
    <t>Data jsou z: https://www.ceps.cz/cs/data#CrossborderPowerFlows</t>
  </si>
  <si>
    <t>Zahraniční výpomoc (MW)</t>
  </si>
  <si>
    <t>Data jsou z: https://www.ceps.cz/cs/data#EmergencyExchange</t>
  </si>
  <si>
    <t>Pomoc od ČR</t>
  </si>
  <si>
    <t>Pomoc do ČR</t>
  </si>
  <si>
    <t>Plán výroby (MWh)</t>
  </si>
  <si>
    <t>Výroba</t>
  </si>
  <si>
    <t>Data jsou z: https://www.ceps.cz/cs/data#GenerationPlan</t>
  </si>
  <si>
    <t>Datum</t>
  </si>
  <si>
    <t>Zatížení [MW]</t>
  </si>
  <si>
    <t>Zatížení sítě (MWh)</t>
  </si>
  <si>
    <t>Data jsou z: https://www.ceps.cz/cs/data#Load</t>
  </si>
  <si>
    <t>MAX</t>
  </si>
  <si>
    <t>MIN</t>
  </si>
  <si>
    <t>Spotřeba ve veřejném sektoru v PJ</t>
  </si>
  <si>
    <t>Spotřeba v domácnostech v PJ</t>
  </si>
  <si>
    <t>Spotřeba ve veřejném sektoru v MW</t>
  </si>
  <si>
    <t>Spotřeba v domácnostech v MW</t>
  </si>
  <si>
    <t>Spotřeba elektické energi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3" x14ac:knownFonts="1">
    <font>
      <sz val="11"/>
      <color theme="1"/>
      <name val="Calibri"/>
      <family val="2"/>
      <charset val="238"/>
      <scheme val="minor"/>
    </font>
    <font>
      <b/>
      <sz val="11"/>
      <color theme="1"/>
      <name val="Calibri"/>
      <family val="2"/>
      <charset val="238"/>
      <scheme val="minor"/>
    </font>
    <font>
      <b/>
      <sz val="14"/>
      <color theme="1"/>
      <name val="Calibri"/>
      <family val="2"/>
      <charset val="23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13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 style="thin">
        <color indexed="64"/>
      </bottom>
      <diagonal/>
    </border>
    <border>
      <left style="thin">
        <color auto="1"/>
      </left>
      <right/>
      <top/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indexed="64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</borders>
  <cellStyleXfs count="1">
    <xf numFmtId="0" fontId="0" fillId="0" borderId="0"/>
  </cellStyleXfs>
  <cellXfs count="41">
    <xf numFmtId="0" fontId="0" fillId="0" borderId="0" xfId="0"/>
    <xf numFmtId="0" fontId="0" fillId="2" borderId="0" xfId="0" applyFill="1"/>
    <xf numFmtId="0" fontId="0" fillId="2" borderId="0" xfId="0" applyFill="1" applyBorder="1"/>
    <xf numFmtId="4" fontId="1" fillId="2" borderId="0" xfId="0" applyNumberFormat="1" applyFont="1" applyFill="1"/>
    <xf numFmtId="0" fontId="1" fillId="2" borderId="10" xfId="0" applyFont="1" applyFill="1" applyBorder="1" applyAlignment="1">
      <alignment horizontal="center"/>
    </xf>
    <xf numFmtId="0" fontId="2" fillId="2" borderId="0" xfId="0" applyFont="1" applyFill="1" applyBorder="1" applyAlignment="1"/>
    <xf numFmtId="4" fontId="0" fillId="2" borderId="6" xfId="0" applyNumberFormat="1" applyFill="1" applyBorder="1"/>
    <xf numFmtId="0" fontId="1" fillId="2" borderId="12" xfId="0" applyFont="1" applyFill="1" applyBorder="1" applyAlignment="1">
      <alignment horizontal="center" wrapText="1"/>
    </xf>
    <xf numFmtId="4" fontId="0" fillId="2" borderId="4" xfId="0" applyNumberFormat="1" applyFill="1" applyBorder="1"/>
    <xf numFmtId="0" fontId="1" fillId="2" borderId="3" xfId="0" applyFont="1" applyFill="1" applyBorder="1"/>
    <xf numFmtId="4" fontId="1" fillId="2" borderId="3" xfId="0" applyNumberFormat="1" applyFont="1" applyFill="1" applyBorder="1"/>
    <xf numFmtId="0" fontId="0" fillId="2" borderId="5" xfId="0" applyFill="1" applyBorder="1"/>
    <xf numFmtId="0" fontId="0" fillId="2" borderId="7" xfId="0" applyFill="1" applyBorder="1"/>
    <xf numFmtId="0" fontId="0" fillId="2" borderId="9" xfId="0" applyFill="1" applyBorder="1"/>
    <xf numFmtId="4" fontId="0" fillId="2" borderId="8" xfId="0" applyNumberFormat="1" applyFill="1" applyBorder="1"/>
    <xf numFmtId="0" fontId="1" fillId="2" borderId="5" xfId="0" applyFont="1" applyFill="1" applyBorder="1" applyAlignment="1">
      <alignment horizontal="center"/>
    </xf>
    <xf numFmtId="0" fontId="0" fillId="2" borderId="7" xfId="0" applyFill="1" applyBorder="1" applyAlignment="1">
      <alignment horizontal="left"/>
    </xf>
    <xf numFmtId="0" fontId="1" fillId="2" borderId="9" xfId="0" applyFont="1" applyFill="1" applyBorder="1" applyAlignment="1">
      <alignment horizontal="center" vertical="center"/>
    </xf>
    <xf numFmtId="0" fontId="1" fillId="2" borderId="10" xfId="0" applyFont="1" applyFill="1" applyBorder="1" applyAlignment="1">
      <alignment horizontal="center" vertical="center"/>
    </xf>
    <xf numFmtId="4" fontId="0" fillId="2" borderId="0" xfId="0" applyNumberFormat="1" applyFill="1"/>
    <xf numFmtId="4" fontId="1" fillId="2" borderId="10" xfId="0" applyNumberFormat="1" applyFont="1" applyFill="1" applyBorder="1" applyAlignment="1">
      <alignment horizontal="center"/>
    </xf>
    <xf numFmtId="14" fontId="0" fillId="2" borderId="6" xfId="0" applyNumberFormat="1" applyFill="1" applyBorder="1" applyAlignment="1">
      <alignment horizontal="left"/>
    </xf>
    <xf numFmtId="14" fontId="0" fillId="2" borderId="8" xfId="0" applyNumberFormat="1" applyFill="1" applyBorder="1" applyAlignment="1">
      <alignment horizontal="left"/>
    </xf>
    <xf numFmtId="0" fontId="0" fillId="2" borderId="0" xfId="0" applyFill="1" applyAlignment="1">
      <alignment horizontal="left"/>
    </xf>
    <xf numFmtId="0" fontId="1" fillId="2" borderId="0" xfId="0" applyFont="1" applyFill="1" applyAlignment="1">
      <alignment horizontal="left"/>
    </xf>
    <xf numFmtId="0" fontId="0" fillId="0" borderId="0" xfId="0" applyFill="1"/>
    <xf numFmtId="4" fontId="1" fillId="2" borderId="0" xfId="0" applyNumberFormat="1" applyFont="1" applyFill="1" applyBorder="1"/>
    <xf numFmtId="4" fontId="0" fillId="2" borderId="4" xfId="0" applyNumberFormat="1" applyFont="1" applyFill="1" applyBorder="1"/>
    <xf numFmtId="4" fontId="0" fillId="0" borderId="0" xfId="0" applyNumberFormat="1" applyFont="1"/>
    <xf numFmtId="4" fontId="0" fillId="2" borderId="6" xfId="0" applyNumberFormat="1" applyFont="1" applyFill="1" applyBorder="1"/>
    <xf numFmtId="4" fontId="0" fillId="2" borderId="8" xfId="0" applyNumberFormat="1" applyFont="1" applyFill="1" applyBorder="1"/>
    <xf numFmtId="0" fontId="1" fillId="2" borderId="0" xfId="0" applyFont="1" applyFill="1" applyBorder="1"/>
    <xf numFmtId="0" fontId="2" fillId="2" borderId="0" xfId="0" applyFont="1" applyFill="1" applyAlignment="1">
      <alignment horizontal="center"/>
    </xf>
    <xf numFmtId="0" fontId="1" fillId="2" borderId="10" xfId="0" applyFont="1" applyFill="1" applyBorder="1" applyAlignment="1">
      <alignment horizontal="center" vertical="center" wrapText="1"/>
    </xf>
    <xf numFmtId="0" fontId="2" fillId="2" borderId="1" xfId="0" applyFont="1" applyFill="1" applyBorder="1" applyAlignment="1">
      <alignment horizontal="center"/>
    </xf>
    <xf numFmtId="0" fontId="1" fillId="2" borderId="11" xfId="0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12" xfId="0" applyFont="1" applyFill="1" applyBorder="1" applyAlignment="1">
      <alignment horizontal="center" vertical="center"/>
    </xf>
    <xf numFmtId="0" fontId="1" fillId="2" borderId="4" xfId="0" applyFont="1" applyFill="1" applyBorder="1" applyAlignment="1">
      <alignment horizontal="center" vertical="center"/>
    </xf>
    <xf numFmtId="0" fontId="1" fillId="2" borderId="9" xfId="0" applyFont="1" applyFill="1" applyBorder="1" applyAlignment="1">
      <alignment horizontal="center" vertical="center"/>
    </xf>
    <xf numFmtId="0" fontId="2" fillId="2" borderId="0" xfId="0" applyFont="1" applyFill="1" applyBorder="1" applyAlignment="1">
      <alignment horizontal="center"/>
    </xf>
  </cellXfs>
  <cellStyles count="1">
    <cellStyle name="Normální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iv Office">
  <a:themeElements>
    <a:clrScheme name="Kancelář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Kancelář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44"/>
  <sheetViews>
    <sheetView workbookViewId="0">
      <selection activeCell="G34" sqref="G34"/>
    </sheetView>
  </sheetViews>
  <sheetFormatPr defaultRowHeight="15" x14ac:dyDescent="0.25"/>
  <cols>
    <col min="2" max="2" width="5" bestFit="1" customWidth="1"/>
    <col min="3" max="3" width="9.85546875" bestFit="1" customWidth="1"/>
    <col min="4" max="4" width="13.5703125" bestFit="1" customWidth="1"/>
    <col min="5" max="5" width="14" bestFit="1" customWidth="1"/>
  </cols>
  <sheetData>
    <row r="1" spans="1:11" ht="18.75" x14ac:dyDescent="0.3">
      <c r="A1" s="1"/>
      <c r="B1" s="32" t="s">
        <v>2</v>
      </c>
      <c r="C1" s="32"/>
      <c r="D1" s="32"/>
      <c r="E1" s="32"/>
      <c r="F1" s="1"/>
      <c r="G1" s="1"/>
      <c r="H1" s="1"/>
      <c r="I1" s="1"/>
      <c r="J1" s="1"/>
      <c r="K1" s="1"/>
    </row>
    <row r="2" spans="1:11" x14ac:dyDescent="0.25">
      <c r="A2" s="1"/>
      <c r="B2" s="15" t="s">
        <v>1</v>
      </c>
      <c r="C2" s="4" t="s">
        <v>3</v>
      </c>
      <c r="D2" s="4" t="s">
        <v>4</v>
      </c>
      <c r="E2" s="4" t="s">
        <v>6</v>
      </c>
      <c r="F2" s="1"/>
      <c r="G2" s="1"/>
      <c r="H2" s="1"/>
      <c r="I2" s="1"/>
      <c r="J2" s="1"/>
      <c r="K2" s="1"/>
    </row>
    <row r="3" spans="1:11" x14ac:dyDescent="0.25">
      <c r="A3" s="1"/>
      <c r="B3" s="11">
        <v>2010</v>
      </c>
      <c r="C3" s="8">
        <v>31.17</v>
      </c>
      <c r="D3" s="8">
        <f t="shared" ref="D3:D12" si="0">C3*278</f>
        <v>8665.26</v>
      </c>
      <c r="E3" s="8">
        <f>D3*1000</f>
        <v>8665260</v>
      </c>
      <c r="F3" s="1"/>
      <c r="G3" s="1"/>
      <c r="H3" s="1"/>
      <c r="I3" s="1"/>
      <c r="J3" s="1"/>
      <c r="K3" s="1"/>
    </row>
    <row r="4" spans="1:11" x14ac:dyDescent="0.25">
      <c r="A4" s="1"/>
      <c r="B4" s="12">
        <v>2011</v>
      </c>
      <c r="C4" s="6">
        <v>29.63</v>
      </c>
      <c r="D4" s="6">
        <f t="shared" si="0"/>
        <v>8237.14</v>
      </c>
      <c r="E4" s="6">
        <f t="shared" ref="E4:E12" si="1">D4*1000</f>
        <v>8237139.9999999991</v>
      </c>
      <c r="F4" s="1"/>
      <c r="G4" s="1"/>
      <c r="H4" s="1"/>
      <c r="I4" s="1"/>
      <c r="J4" s="1"/>
      <c r="K4" s="1"/>
    </row>
    <row r="5" spans="1:11" x14ac:dyDescent="0.25">
      <c r="A5" s="1"/>
      <c r="B5" s="12">
        <v>2012</v>
      </c>
      <c r="C5" s="6">
        <v>28.78</v>
      </c>
      <c r="D5" s="6">
        <f t="shared" si="0"/>
        <v>8000.84</v>
      </c>
      <c r="E5" s="6">
        <f t="shared" si="1"/>
        <v>8000840</v>
      </c>
      <c r="F5" s="1"/>
      <c r="G5" s="1"/>
      <c r="H5" s="1"/>
      <c r="I5" s="1"/>
      <c r="J5" s="1"/>
      <c r="K5" s="1"/>
    </row>
    <row r="6" spans="1:11" x14ac:dyDescent="0.25">
      <c r="A6" s="1"/>
      <c r="B6" s="12">
        <v>2013</v>
      </c>
      <c r="C6" s="6">
        <v>28.42</v>
      </c>
      <c r="D6" s="6">
        <f t="shared" si="0"/>
        <v>7900.76</v>
      </c>
      <c r="E6" s="6">
        <f t="shared" si="1"/>
        <v>7900760</v>
      </c>
      <c r="F6" s="1"/>
      <c r="G6" s="1"/>
      <c r="H6" s="1"/>
      <c r="I6" s="1"/>
      <c r="J6" s="1"/>
      <c r="K6" s="1"/>
    </row>
    <row r="7" spans="1:11" x14ac:dyDescent="0.25">
      <c r="A7" s="1"/>
      <c r="B7" s="12">
        <v>2014</v>
      </c>
      <c r="C7" s="6">
        <v>27.8</v>
      </c>
      <c r="D7" s="6">
        <f t="shared" si="0"/>
        <v>7728.4000000000005</v>
      </c>
      <c r="E7" s="6">
        <f t="shared" si="1"/>
        <v>7728400.0000000009</v>
      </c>
      <c r="F7" s="1"/>
      <c r="G7" s="1"/>
      <c r="H7" s="1"/>
      <c r="I7" s="1"/>
      <c r="J7" s="1"/>
      <c r="K7" s="1"/>
    </row>
    <row r="8" spans="1:11" x14ac:dyDescent="0.25">
      <c r="A8" s="1"/>
      <c r="B8" s="12">
        <v>2015</v>
      </c>
      <c r="C8" s="6">
        <v>29</v>
      </c>
      <c r="D8" s="6">
        <f t="shared" si="0"/>
        <v>8062</v>
      </c>
      <c r="E8" s="6">
        <f t="shared" si="1"/>
        <v>8062000</v>
      </c>
      <c r="F8" s="1"/>
      <c r="G8" s="1"/>
      <c r="H8" s="1"/>
      <c r="I8" s="1"/>
      <c r="J8" s="1"/>
      <c r="K8" s="1"/>
    </row>
    <row r="9" spans="1:11" x14ac:dyDescent="0.25">
      <c r="A9" s="1"/>
      <c r="B9" s="12">
        <v>2016</v>
      </c>
      <c r="C9" s="6">
        <v>29.49</v>
      </c>
      <c r="D9" s="6">
        <f t="shared" si="0"/>
        <v>8198.2199999999993</v>
      </c>
      <c r="E9" s="6">
        <f t="shared" si="1"/>
        <v>8198219.9999999991</v>
      </c>
      <c r="F9" s="1"/>
      <c r="G9" s="1"/>
      <c r="H9" s="1"/>
      <c r="I9" s="1"/>
      <c r="J9" s="1"/>
      <c r="K9" s="1"/>
    </row>
    <row r="10" spans="1:11" x14ac:dyDescent="0.25">
      <c r="A10" s="1"/>
      <c r="B10" s="12">
        <v>2017</v>
      </c>
      <c r="C10" s="6">
        <v>28.46</v>
      </c>
      <c r="D10" s="6">
        <f t="shared" si="0"/>
        <v>7911.88</v>
      </c>
      <c r="E10" s="6">
        <f t="shared" si="1"/>
        <v>7911880</v>
      </c>
      <c r="F10" s="1"/>
      <c r="G10" s="1"/>
      <c r="H10" s="1"/>
      <c r="I10" s="1"/>
      <c r="J10" s="1"/>
      <c r="K10" s="1"/>
    </row>
    <row r="11" spans="1:11" x14ac:dyDescent="0.25">
      <c r="A11" s="1"/>
      <c r="B11" s="13">
        <v>2018</v>
      </c>
      <c r="C11" s="14">
        <v>28.23</v>
      </c>
      <c r="D11" s="14">
        <f t="shared" si="0"/>
        <v>7847.9400000000005</v>
      </c>
      <c r="E11" s="14">
        <f t="shared" si="1"/>
        <v>7847940.0000000009</v>
      </c>
      <c r="F11" s="1"/>
      <c r="G11" s="1"/>
      <c r="H11" s="1"/>
      <c r="I11" s="1"/>
      <c r="J11" s="1"/>
      <c r="K11" s="1"/>
    </row>
    <row r="12" spans="1:11" x14ac:dyDescent="0.25">
      <c r="A12" s="1"/>
      <c r="B12" s="9" t="s">
        <v>5</v>
      </c>
      <c r="C12" s="10">
        <f>AVERAGE(C3:C11)</f>
        <v>28.997777777777781</v>
      </c>
      <c r="D12" s="3">
        <f t="shared" si="0"/>
        <v>8061.3822222222234</v>
      </c>
      <c r="E12" s="3">
        <f t="shared" si="1"/>
        <v>8061382.2222222229</v>
      </c>
      <c r="F12" s="1"/>
      <c r="G12" s="1"/>
      <c r="H12" s="1"/>
      <c r="I12" s="1"/>
      <c r="J12" s="1"/>
      <c r="K12" s="1"/>
    </row>
    <row r="13" spans="1:11" x14ac:dyDescent="0.25">
      <c r="A13" s="1"/>
      <c r="B13" s="24" t="s">
        <v>26</v>
      </c>
      <c r="C13" s="3">
        <f>MAX(C3:C11)</f>
        <v>31.17</v>
      </c>
      <c r="D13" s="3">
        <f>MAX(D3:D11)</f>
        <v>8665.26</v>
      </c>
      <c r="E13" s="3">
        <f>MAX(E3:E11)</f>
        <v>8665260</v>
      </c>
      <c r="F13" s="1"/>
      <c r="G13" s="1"/>
      <c r="H13" s="1"/>
      <c r="I13" s="1"/>
      <c r="J13" s="1"/>
      <c r="K13" s="1"/>
    </row>
    <row r="14" spans="1:11" x14ac:dyDescent="0.25">
      <c r="A14" s="1"/>
      <c r="B14" s="24" t="s">
        <v>27</v>
      </c>
      <c r="C14" s="3">
        <f>MIN(C3:C11)</f>
        <v>27.8</v>
      </c>
      <c r="D14" s="3">
        <f>MIN(D3:D11)</f>
        <v>7728.4000000000005</v>
      </c>
      <c r="E14" s="3">
        <f>MIN(E3:E11)</f>
        <v>7728400.0000000009</v>
      </c>
      <c r="F14" s="1"/>
      <c r="G14" s="1"/>
      <c r="H14" s="1"/>
      <c r="I14" s="1"/>
      <c r="J14" s="1"/>
      <c r="K14" s="1"/>
    </row>
    <row r="15" spans="1:11" x14ac:dyDescent="0.25">
      <c r="A15" s="1"/>
      <c r="B15" s="1"/>
      <c r="C15" s="1"/>
      <c r="D15" s="1"/>
      <c r="E15" s="1"/>
      <c r="F15" s="1"/>
      <c r="G15" s="1"/>
      <c r="H15" s="1"/>
      <c r="I15" s="1"/>
      <c r="J15" s="1"/>
      <c r="K15" s="1"/>
    </row>
    <row r="16" spans="1:11" x14ac:dyDescent="0.25">
      <c r="A16" s="1"/>
      <c r="B16" s="1" t="s">
        <v>13</v>
      </c>
      <c r="C16" s="1"/>
      <c r="D16" s="1"/>
      <c r="E16" s="1"/>
      <c r="F16" s="1"/>
      <c r="I16" s="1"/>
      <c r="J16" s="1"/>
      <c r="K16" s="1"/>
    </row>
    <row r="17" spans="1:13" x14ac:dyDescent="0.25">
      <c r="A17" s="1"/>
      <c r="B17" s="1"/>
      <c r="C17" s="1"/>
      <c r="D17" s="1"/>
      <c r="E17" s="1"/>
      <c r="F17" s="1"/>
      <c r="I17" s="1"/>
      <c r="J17" s="1"/>
      <c r="K17" s="1"/>
    </row>
    <row r="18" spans="1:13" x14ac:dyDescent="0.25">
      <c r="A18" s="1"/>
      <c r="B18" s="1"/>
      <c r="C18" s="1"/>
      <c r="D18" s="1"/>
      <c r="E18" s="1"/>
      <c r="F18" s="1"/>
      <c r="G18" s="1"/>
      <c r="H18" s="1"/>
      <c r="I18" s="1"/>
      <c r="J18" s="1"/>
      <c r="K18" s="1"/>
    </row>
    <row r="19" spans="1:13" x14ac:dyDescent="0.25">
      <c r="A19" s="1"/>
      <c r="B19" s="1"/>
      <c r="C19" s="1"/>
      <c r="D19" s="1"/>
      <c r="E19" s="1"/>
      <c r="F19" s="1"/>
      <c r="G19" s="1"/>
      <c r="H19" s="1"/>
      <c r="I19" s="1"/>
      <c r="J19" s="1"/>
      <c r="K19" s="1"/>
    </row>
    <row r="20" spans="1:13" x14ac:dyDescent="0.25">
      <c r="A20" s="25"/>
      <c r="B20" s="25"/>
      <c r="C20" s="25"/>
      <c r="D20" s="25"/>
      <c r="E20" s="25"/>
      <c r="F20" s="25"/>
      <c r="G20" s="25"/>
      <c r="H20" s="25"/>
      <c r="I20" s="25"/>
      <c r="J20" s="25"/>
      <c r="K20" s="25"/>
      <c r="L20" s="25"/>
      <c r="M20" s="25"/>
    </row>
    <row r="21" spans="1:13" x14ac:dyDescent="0.25">
      <c r="A21" s="25"/>
      <c r="B21" s="25"/>
      <c r="C21" s="25"/>
      <c r="D21" s="25"/>
      <c r="E21" s="25"/>
      <c r="F21" s="25"/>
      <c r="G21" s="25"/>
      <c r="H21" s="25"/>
      <c r="I21" s="25"/>
      <c r="J21" s="25"/>
      <c r="K21" s="25"/>
      <c r="L21" s="25"/>
      <c r="M21" s="25"/>
    </row>
    <row r="22" spans="1:13" x14ac:dyDescent="0.25">
      <c r="A22" s="25"/>
      <c r="B22" s="25"/>
      <c r="C22" s="25"/>
      <c r="D22" s="25"/>
      <c r="E22" s="25"/>
      <c r="F22" s="25"/>
      <c r="G22" s="25"/>
      <c r="H22" s="25"/>
      <c r="I22" s="25"/>
      <c r="J22" s="25"/>
      <c r="K22" s="25"/>
      <c r="L22" s="25"/>
      <c r="M22" s="25"/>
    </row>
    <row r="23" spans="1:13" x14ac:dyDescent="0.25">
      <c r="A23" s="25"/>
      <c r="B23" s="25"/>
      <c r="C23" s="25"/>
      <c r="D23" s="25"/>
      <c r="E23" s="25"/>
      <c r="F23" s="25"/>
      <c r="G23" s="25"/>
      <c r="H23" s="25"/>
      <c r="I23" s="25"/>
      <c r="J23" s="25"/>
      <c r="K23" s="25"/>
      <c r="L23" s="25"/>
      <c r="M23" s="25"/>
    </row>
    <row r="24" spans="1:13" x14ac:dyDescent="0.25">
      <c r="A24" s="25"/>
      <c r="B24" s="25"/>
      <c r="C24" s="25"/>
      <c r="D24" s="25"/>
      <c r="E24" s="25"/>
      <c r="F24" s="25"/>
      <c r="G24" s="25"/>
      <c r="H24" s="25"/>
      <c r="I24" s="25"/>
      <c r="J24" s="25"/>
      <c r="K24" s="25"/>
      <c r="L24" s="25"/>
      <c r="M24" s="25"/>
    </row>
    <row r="25" spans="1:13" x14ac:dyDescent="0.25">
      <c r="A25" s="25"/>
      <c r="B25" s="25"/>
      <c r="C25" s="25"/>
      <c r="D25" s="25"/>
      <c r="E25" s="25"/>
      <c r="F25" s="25"/>
      <c r="G25" s="25"/>
      <c r="H25" s="25"/>
      <c r="I25" s="25"/>
      <c r="J25" s="25"/>
      <c r="K25" s="25"/>
      <c r="L25" s="25"/>
      <c r="M25" s="25"/>
    </row>
    <row r="26" spans="1:13" x14ac:dyDescent="0.25">
      <c r="A26" s="25"/>
      <c r="B26" s="25"/>
      <c r="C26" s="25"/>
      <c r="D26" s="25"/>
      <c r="E26" s="25"/>
      <c r="F26" s="25"/>
      <c r="G26" s="25"/>
      <c r="H26" s="25"/>
      <c r="I26" s="25"/>
      <c r="J26" s="25"/>
      <c r="K26" s="25"/>
      <c r="L26" s="25"/>
      <c r="M26" s="25"/>
    </row>
    <row r="27" spans="1:13" x14ac:dyDescent="0.25">
      <c r="A27" s="25"/>
      <c r="B27" s="25"/>
      <c r="C27" s="25"/>
      <c r="D27" s="25"/>
      <c r="E27" s="25"/>
      <c r="F27" s="25"/>
      <c r="G27" s="25"/>
      <c r="H27" s="25"/>
      <c r="I27" s="25"/>
      <c r="J27" s="25"/>
      <c r="K27" s="25"/>
      <c r="L27" s="25"/>
      <c r="M27" s="25"/>
    </row>
    <row r="28" spans="1:13" x14ac:dyDescent="0.25">
      <c r="A28" s="25"/>
      <c r="B28" s="25"/>
      <c r="C28" s="25"/>
      <c r="D28" s="25"/>
      <c r="E28" s="25"/>
      <c r="F28" s="25"/>
      <c r="G28" s="25"/>
      <c r="H28" s="25"/>
      <c r="I28" s="25"/>
      <c r="J28" s="25"/>
      <c r="K28" s="25"/>
      <c r="L28" s="25"/>
      <c r="M28" s="25"/>
    </row>
    <row r="29" spans="1:13" x14ac:dyDescent="0.25">
      <c r="A29" s="25"/>
      <c r="B29" s="25"/>
      <c r="C29" s="25"/>
      <c r="D29" s="25"/>
      <c r="E29" s="25"/>
      <c r="F29" s="25"/>
      <c r="G29" s="25"/>
      <c r="H29" s="25"/>
      <c r="I29" s="25"/>
      <c r="J29" s="25"/>
      <c r="K29" s="25"/>
      <c r="L29" s="25"/>
      <c r="M29" s="25"/>
    </row>
    <row r="30" spans="1:13" x14ac:dyDescent="0.25">
      <c r="A30" s="25"/>
      <c r="B30" s="25"/>
      <c r="C30" s="25"/>
      <c r="D30" s="25"/>
      <c r="E30" s="25"/>
      <c r="F30" s="25"/>
      <c r="G30" s="25"/>
      <c r="H30" s="25"/>
      <c r="I30" s="25"/>
      <c r="J30" s="25"/>
      <c r="K30" s="25"/>
      <c r="L30" s="25"/>
      <c r="M30" s="25"/>
    </row>
    <row r="31" spans="1:13" x14ac:dyDescent="0.25">
      <c r="A31" s="25"/>
      <c r="B31" s="25"/>
      <c r="C31" s="25"/>
      <c r="D31" s="25"/>
      <c r="E31" s="25"/>
      <c r="F31" s="25"/>
      <c r="G31" s="25"/>
      <c r="H31" s="25"/>
      <c r="I31" s="25"/>
      <c r="J31" s="25"/>
      <c r="K31" s="25"/>
      <c r="L31" s="25"/>
      <c r="M31" s="25"/>
    </row>
    <row r="32" spans="1:13" x14ac:dyDescent="0.25">
      <c r="A32" s="25"/>
      <c r="B32" s="25"/>
      <c r="C32" s="25"/>
      <c r="D32" s="25"/>
      <c r="E32" s="25"/>
      <c r="F32" s="25"/>
      <c r="G32" s="25"/>
      <c r="H32" s="25"/>
      <c r="I32" s="25"/>
      <c r="J32" s="25"/>
      <c r="K32" s="25"/>
      <c r="L32" s="25"/>
      <c r="M32" s="25"/>
    </row>
    <row r="33" spans="1:13" x14ac:dyDescent="0.25">
      <c r="A33" s="25"/>
      <c r="B33" s="25"/>
      <c r="C33" s="25"/>
      <c r="D33" s="25"/>
      <c r="E33" s="25"/>
      <c r="F33" s="25"/>
      <c r="G33" s="25"/>
      <c r="H33" s="25"/>
      <c r="I33" s="25"/>
      <c r="J33" s="25"/>
      <c r="K33" s="25"/>
      <c r="L33" s="25"/>
      <c r="M33" s="25"/>
    </row>
    <row r="34" spans="1:13" x14ac:dyDescent="0.25">
      <c r="A34" s="25"/>
      <c r="B34" s="25"/>
      <c r="C34" s="25"/>
      <c r="D34" s="25"/>
      <c r="E34" s="25"/>
      <c r="F34" s="25"/>
      <c r="G34" s="25"/>
      <c r="H34" s="25"/>
      <c r="I34" s="25"/>
      <c r="J34" s="25"/>
      <c r="K34" s="25"/>
      <c r="L34" s="25"/>
      <c r="M34" s="25"/>
    </row>
    <row r="35" spans="1:13" x14ac:dyDescent="0.25">
      <c r="A35" s="25"/>
      <c r="B35" s="25"/>
      <c r="C35" s="25"/>
      <c r="D35" s="25"/>
      <c r="E35" s="25"/>
      <c r="F35" s="25"/>
      <c r="G35" s="25"/>
      <c r="H35" s="25"/>
      <c r="I35" s="25"/>
      <c r="J35" s="25"/>
      <c r="K35" s="25"/>
      <c r="L35" s="25"/>
      <c r="M35" s="25"/>
    </row>
    <row r="36" spans="1:13" x14ac:dyDescent="0.25">
      <c r="A36" s="25"/>
      <c r="B36" s="25"/>
      <c r="C36" s="25"/>
      <c r="D36" s="25"/>
      <c r="E36" s="25"/>
      <c r="F36" s="25"/>
      <c r="G36" s="25"/>
      <c r="H36" s="25"/>
      <c r="I36" s="25"/>
      <c r="J36" s="25"/>
      <c r="K36" s="25"/>
      <c r="L36" s="25"/>
      <c r="M36" s="25"/>
    </row>
    <row r="37" spans="1:13" x14ac:dyDescent="0.25">
      <c r="A37" s="25"/>
      <c r="B37" s="25"/>
      <c r="C37" s="25"/>
      <c r="D37" s="25"/>
      <c r="E37" s="25"/>
      <c r="F37" s="25"/>
      <c r="G37" s="25"/>
      <c r="H37" s="25"/>
      <c r="I37" s="25"/>
      <c r="J37" s="25"/>
      <c r="K37" s="25"/>
      <c r="L37" s="25"/>
      <c r="M37" s="25"/>
    </row>
    <row r="38" spans="1:13" x14ac:dyDescent="0.25">
      <c r="A38" s="25"/>
      <c r="B38" s="25"/>
      <c r="C38" s="25"/>
      <c r="D38" s="25"/>
      <c r="E38" s="25"/>
      <c r="F38" s="25"/>
      <c r="G38" s="25"/>
      <c r="H38" s="25"/>
      <c r="I38" s="25"/>
      <c r="J38" s="25"/>
      <c r="K38" s="25"/>
      <c r="L38" s="25"/>
      <c r="M38" s="25"/>
    </row>
    <row r="39" spans="1:13" x14ac:dyDescent="0.25">
      <c r="A39" s="25"/>
      <c r="B39" s="25"/>
      <c r="C39" s="25"/>
      <c r="D39" s="25"/>
      <c r="E39" s="25"/>
      <c r="F39" s="25"/>
      <c r="G39" s="25"/>
      <c r="H39" s="25"/>
      <c r="I39" s="25"/>
      <c r="J39" s="25"/>
      <c r="K39" s="25"/>
      <c r="L39" s="25"/>
      <c r="M39" s="25"/>
    </row>
    <row r="40" spans="1:13" x14ac:dyDescent="0.25">
      <c r="A40" s="25"/>
      <c r="B40" s="25"/>
      <c r="C40" s="25"/>
      <c r="D40" s="25"/>
      <c r="E40" s="25"/>
      <c r="F40" s="25"/>
      <c r="G40" s="25"/>
      <c r="H40" s="25"/>
      <c r="I40" s="25"/>
      <c r="J40" s="25"/>
      <c r="K40" s="25"/>
      <c r="L40" s="25"/>
      <c r="M40" s="25"/>
    </row>
    <row r="41" spans="1:13" x14ac:dyDescent="0.25">
      <c r="A41" s="25"/>
      <c r="B41" s="25"/>
      <c r="C41" s="25"/>
      <c r="D41" s="25"/>
      <c r="E41" s="25"/>
      <c r="F41" s="25"/>
      <c r="G41" s="25"/>
      <c r="H41" s="25"/>
      <c r="I41" s="25"/>
      <c r="J41" s="25"/>
      <c r="K41" s="25"/>
      <c r="L41" s="25"/>
      <c r="M41" s="25"/>
    </row>
    <row r="42" spans="1:13" x14ac:dyDescent="0.25">
      <c r="A42" s="25"/>
      <c r="B42" s="25"/>
      <c r="C42" s="25"/>
      <c r="D42" s="25"/>
      <c r="E42" s="25"/>
      <c r="F42" s="25"/>
      <c r="G42" s="25"/>
      <c r="H42" s="25"/>
      <c r="I42" s="25"/>
      <c r="J42" s="25"/>
      <c r="K42" s="25"/>
      <c r="L42" s="25"/>
      <c r="M42" s="25"/>
    </row>
    <row r="43" spans="1:13" x14ac:dyDescent="0.25">
      <c r="A43" s="25"/>
      <c r="B43" s="25"/>
      <c r="C43" s="25"/>
      <c r="D43" s="25"/>
      <c r="E43" s="25"/>
      <c r="F43" s="25"/>
      <c r="G43" s="25"/>
      <c r="H43" s="25"/>
      <c r="I43" s="25"/>
      <c r="J43" s="25"/>
      <c r="K43" s="25"/>
      <c r="L43" s="25"/>
      <c r="M43" s="25"/>
    </row>
    <row r="44" spans="1:13" x14ac:dyDescent="0.25">
      <c r="A44" s="25"/>
      <c r="B44" s="25"/>
      <c r="C44" s="25"/>
      <c r="D44" s="25"/>
      <c r="E44" s="25"/>
      <c r="F44" s="25"/>
      <c r="G44" s="25"/>
      <c r="H44" s="25"/>
      <c r="I44" s="25"/>
      <c r="J44" s="25"/>
      <c r="K44" s="25"/>
      <c r="L44" s="25"/>
      <c r="M44" s="25"/>
    </row>
  </sheetData>
  <mergeCells count="1">
    <mergeCell ref="B1:E1"/>
  </mergeCells>
  <pageMargins left="0.7" right="0.7" top="0.78740157499999996" bottom="0.78740157499999996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22"/>
  <sheetViews>
    <sheetView workbookViewId="0">
      <selection activeCell="F18" sqref="F18"/>
    </sheetView>
  </sheetViews>
  <sheetFormatPr defaultRowHeight="15" x14ac:dyDescent="0.25"/>
  <cols>
    <col min="9" max="9" width="9.28515625" customWidth="1"/>
  </cols>
  <sheetData>
    <row r="1" spans="1:12" ht="18.75" x14ac:dyDescent="0.3">
      <c r="A1" s="1"/>
      <c r="B1" s="34" t="s">
        <v>12</v>
      </c>
      <c r="C1" s="34"/>
      <c r="D1" s="34"/>
      <c r="E1" s="34"/>
      <c r="F1" s="34"/>
      <c r="G1" s="34"/>
      <c r="H1" s="34"/>
      <c r="I1" s="34"/>
      <c r="J1" s="34"/>
      <c r="K1" s="1"/>
      <c r="L1" s="1"/>
    </row>
    <row r="2" spans="1:12" ht="33.75" customHeight="1" x14ac:dyDescent="0.25">
      <c r="A2" s="1"/>
      <c r="B2" s="38" t="s">
        <v>1</v>
      </c>
      <c r="C2" s="35" t="s">
        <v>0</v>
      </c>
      <c r="D2" s="36"/>
      <c r="E2" s="37"/>
      <c r="F2" s="35" t="s">
        <v>7</v>
      </c>
      <c r="G2" s="36"/>
      <c r="H2" s="37"/>
      <c r="I2" s="33" t="s">
        <v>11</v>
      </c>
      <c r="J2" s="33"/>
      <c r="K2" s="1"/>
      <c r="L2" s="1"/>
    </row>
    <row r="3" spans="1:12" x14ac:dyDescent="0.25">
      <c r="A3" s="1"/>
      <c r="B3" s="39"/>
      <c r="C3" s="4" t="s">
        <v>8</v>
      </c>
      <c r="D3" s="4" t="s">
        <v>9</v>
      </c>
      <c r="E3" s="4" t="s">
        <v>10</v>
      </c>
      <c r="F3" s="4" t="s">
        <v>8</v>
      </c>
      <c r="G3" s="4" t="s">
        <v>9</v>
      </c>
      <c r="H3" s="4" t="s">
        <v>10</v>
      </c>
      <c r="I3" s="7" t="s">
        <v>8</v>
      </c>
      <c r="J3" s="4" t="s">
        <v>9</v>
      </c>
      <c r="K3" s="1"/>
      <c r="L3" s="1"/>
    </row>
    <row r="4" spans="1:12" x14ac:dyDescent="0.25">
      <c r="A4" s="1"/>
      <c r="B4" s="16">
        <v>2010</v>
      </c>
      <c r="C4" s="6">
        <v>0</v>
      </c>
      <c r="D4" s="6">
        <v>0</v>
      </c>
      <c r="E4" s="6">
        <f>C4-D4</f>
        <v>0</v>
      </c>
      <c r="F4" s="6">
        <v>552</v>
      </c>
      <c r="G4" s="6">
        <v>2243</v>
      </c>
      <c r="H4" s="6">
        <f>F4-G4</f>
        <v>-1691</v>
      </c>
      <c r="I4" s="8">
        <f>C4-F4</f>
        <v>-552</v>
      </c>
      <c r="J4" s="8">
        <f>D4-G4</f>
        <v>-2243</v>
      </c>
      <c r="K4" s="1"/>
      <c r="L4" s="1"/>
    </row>
    <row r="5" spans="1:12" x14ac:dyDescent="0.25">
      <c r="A5" s="1"/>
      <c r="B5" s="16">
        <v>2011</v>
      </c>
      <c r="C5" s="6">
        <v>235</v>
      </c>
      <c r="D5" s="6">
        <v>2229</v>
      </c>
      <c r="E5" s="6">
        <f>C5-D5</f>
        <v>-1994</v>
      </c>
      <c r="F5" s="6">
        <v>869</v>
      </c>
      <c r="G5" s="6">
        <v>2864</v>
      </c>
      <c r="H5" s="6">
        <f>F5-G5</f>
        <v>-1995</v>
      </c>
      <c r="I5" s="6">
        <f>C5-F5</f>
        <v>-634</v>
      </c>
      <c r="J5" s="6">
        <f>D5-G5</f>
        <v>-635</v>
      </c>
      <c r="K5" s="1"/>
      <c r="L5" s="1"/>
    </row>
    <row r="6" spans="1:12" x14ac:dyDescent="0.25">
      <c r="A6" s="1"/>
      <c r="B6" s="16">
        <v>2012</v>
      </c>
      <c r="C6" s="6">
        <v>170</v>
      </c>
      <c r="D6" s="6">
        <v>2233</v>
      </c>
      <c r="E6" s="6">
        <f>C6-D6</f>
        <v>-2063</v>
      </c>
      <c r="F6" s="6">
        <v>1090</v>
      </c>
      <c r="G6" s="6">
        <v>3150</v>
      </c>
      <c r="H6" s="6">
        <f t="shared" ref="H6:H15" si="0">F6-G6</f>
        <v>-2060</v>
      </c>
      <c r="I6" s="6">
        <f t="shared" ref="I6:I15" si="1">C6-F6</f>
        <v>-920</v>
      </c>
      <c r="J6" s="6">
        <f t="shared" ref="J6:J15" si="2">D6-G6</f>
        <v>-917</v>
      </c>
      <c r="K6" s="1"/>
      <c r="L6" s="1"/>
    </row>
    <row r="7" spans="1:12" x14ac:dyDescent="0.25">
      <c r="A7" s="1"/>
      <c r="B7" s="16">
        <v>2013</v>
      </c>
      <c r="C7" s="6">
        <v>149</v>
      </c>
      <c r="D7" s="6">
        <v>2191</v>
      </c>
      <c r="E7" s="6">
        <f t="shared" ref="E7:E15" si="3">C7-D7</f>
        <v>-2042</v>
      </c>
      <c r="F7" s="6">
        <v>876</v>
      </c>
      <c r="G7" s="6">
        <v>2913</v>
      </c>
      <c r="H7" s="6">
        <f t="shared" si="0"/>
        <v>-2037</v>
      </c>
      <c r="I7" s="6">
        <f t="shared" si="1"/>
        <v>-727</v>
      </c>
      <c r="J7" s="6">
        <f t="shared" si="2"/>
        <v>-722</v>
      </c>
      <c r="K7" s="1"/>
      <c r="L7" s="1"/>
    </row>
    <row r="8" spans="1:12" x14ac:dyDescent="0.25">
      <c r="A8" s="1"/>
      <c r="B8" s="16">
        <v>2014</v>
      </c>
      <c r="C8" s="6">
        <v>17</v>
      </c>
      <c r="D8" s="6">
        <v>1916</v>
      </c>
      <c r="E8" s="6">
        <f t="shared" si="3"/>
        <v>-1899</v>
      </c>
      <c r="F8" s="6">
        <v>1121</v>
      </c>
      <c r="G8" s="6">
        <v>3017</v>
      </c>
      <c r="H8" s="6">
        <f t="shared" si="0"/>
        <v>-1896</v>
      </c>
      <c r="I8" s="6">
        <f t="shared" si="1"/>
        <v>-1104</v>
      </c>
      <c r="J8" s="6">
        <f t="shared" si="2"/>
        <v>-1101</v>
      </c>
      <c r="K8" s="1"/>
      <c r="L8" s="1"/>
    </row>
    <row r="9" spans="1:12" x14ac:dyDescent="0.25">
      <c r="A9" s="1"/>
      <c r="B9" s="16">
        <v>2015</v>
      </c>
      <c r="C9" s="6">
        <v>107</v>
      </c>
      <c r="D9" s="6">
        <v>1586</v>
      </c>
      <c r="E9" s="6">
        <f t="shared" si="3"/>
        <v>-1479</v>
      </c>
      <c r="F9" s="6">
        <v>1695</v>
      </c>
      <c r="G9" s="6">
        <v>3183</v>
      </c>
      <c r="H9" s="6">
        <f t="shared" si="0"/>
        <v>-1488</v>
      </c>
      <c r="I9" s="6">
        <f t="shared" si="1"/>
        <v>-1588</v>
      </c>
      <c r="J9" s="6">
        <f t="shared" si="2"/>
        <v>-1597</v>
      </c>
      <c r="K9" s="1"/>
      <c r="L9" s="1"/>
    </row>
    <row r="10" spans="1:12" x14ac:dyDescent="0.25">
      <c r="A10" s="1"/>
      <c r="B10" s="16">
        <v>2016</v>
      </c>
      <c r="C10" s="6">
        <v>223</v>
      </c>
      <c r="D10" s="6">
        <v>1457</v>
      </c>
      <c r="E10" s="6">
        <f t="shared" si="3"/>
        <v>-1234</v>
      </c>
      <c r="F10" s="6">
        <v>1430</v>
      </c>
      <c r="G10" s="6">
        <v>2679</v>
      </c>
      <c r="H10" s="6">
        <f t="shared" si="0"/>
        <v>-1249</v>
      </c>
      <c r="I10" s="6">
        <f t="shared" si="1"/>
        <v>-1207</v>
      </c>
      <c r="J10" s="6">
        <f t="shared" si="2"/>
        <v>-1222</v>
      </c>
      <c r="K10" s="1"/>
      <c r="L10" s="1"/>
    </row>
    <row r="11" spans="1:12" x14ac:dyDescent="0.25">
      <c r="A11" s="1"/>
      <c r="B11" s="16">
        <v>2017</v>
      </c>
      <c r="C11" s="6">
        <v>181</v>
      </c>
      <c r="D11" s="6">
        <v>1683</v>
      </c>
      <c r="E11" s="6">
        <f t="shared" si="3"/>
        <v>-1502</v>
      </c>
      <c r="F11" s="6">
        <v>1505</v>
      </c>
      <c r="G11" s="6">
        <v>3019</v>
      </c>
      <c r="H11" s="6">
        <f t="shared" si="0"/>
        <v>-1514</v>
      </c>
      <c r="I11" s="6">
        <f t="shared" si="1"/>
        <v>-1324</v>
      </c>
      <c r="J11" s="6">
        <f t="shared" si="2"/>
        <v>-1336</v>
      </c>
      <c r="K11" s="1"/>
      <c r="L11" s="1"/>
    </row>
    <row r="12" spans="1:12" x14ac:dyDescent="0.25">
      <c r="A12" s="1"/>
      <c r="B12" s="16">
        <v>2018</v>
      </c>
      <c r="C12" s="6">
        <v>0</v>
      </c>
      <c r="D12" s="6">
        <v>1554</v>
      </c>
      <c r="E12" s="6">
        <f>C12-D12</f>
        <v>-1554</v>
      </c>
      <c r="F12" s="6">
        <v>1112</v>
      </c>
      <c r="G12" s="6">
        <v>2673</v>
      </c>
      <c r="H12" s="6">
        <f>F12-G12</f>
        <v>-1561</v>
      </c>
      <c r="I12" s="6">
        <f t="shared" si="1"/>
        <v>-1112</v>
      </c>
      <c r="J12" s="6">
        <f t="shared" si="2"/>
        <v>-1119</v>
      </c>
      <c r="K12" s="1"/>
      <c r="L12" s="1"/>
    </row>
    <row r="13" spans="1:12" x14ac:dyDescent="0.25">
      <c r="A13" s="1"/>
      <c r="B13" s="16">
        <v>2019</v>
      </c>
      <c r="C13" s="6">
        <v>222</v>
      </c>
      <c r="D13" s="6">
        <v>1668</v>
      </c>
      <c r="E13" s="6">
        <f t="shared" si="3"/>
        <v>-1446</v>
      </c>
      <c r="F13" s="6">
        <v>981</v>
      </c>
      <c r="G13" s="6">
        <v>2436</v>
      </c>
      <c r="H13" s="6">
        <f t="shared" si="0"/>
        <v>-1455</v>
      </c>
      <c r="I13" s="6">
        <f t="shared" si="1"/>
        <v>-759</v>
      </c>
      <c r="J13" s="6">
        <f t="shared" si="2"/>
        <v>-768</v>
      </c>
      <c r="K13" s="1"/>
      <c r="L13" s="1"/>
    </row>
    <row r="14" spans="1:12" x14ac:dyDescent="0.25">
      <c r="A14" s="1"/>
      <c r="B14" s="16">
        <v>2020</v>
      </c>
      <c r="C14" s="6">
        <v>454</v>
      </c>
      <c r="D14" s="6">
        <v>1564</v>
      </c>
      <c r="E14" s="6">
        <f t="shared" si="3"/>
        <v>-1110</v>
      </c>
      <c r="F14" s="6">
        <v>1084</v>
      </c>
      <c r="G14" s="6">
        <v>2201</v>
      </c>
      <c r="H14" s="6">
        <f t="shared" si="0"/>
        <v>-1117</v>
      </c>
      <c r="I14" s="6">
        <f t="shared" si="1"/>
        <v>-630</v>
      </c>
      <c r="J14" s="6">
        <f t="shared" si="2"/>
        <v>-637</v>
      </c>
      <c r="K14" s="1"/>
      <c r="L14" s="1"/>
    </row>
    <row r="15" spans="1:12" x14ac:dyDescent="0.25">
      <c r="A15" s="1"/>
      <c r="B15" s="16">
        <v>2021</v>
      </c>
      <c r="C15" s="6">
        <v>190</v>
      </c>
      <c r="D15" s="6">
        <v>1001</v>
      </c>
      <c r="E15" s="6">
        <f t="shared" si="3"/>
        <v>-811</v>
      </c>
      <c r="F15" s="6">
        <v>1196</v>
      </c>
      <c r="G15" s="6">
        <v>2010</v>
      </c>
      <c r="H15" s="6">
        <f t="shared" si="0"/>
        <v>-814</v>
      </c>
      <c r="I15" s="6">
        <f t="shared" si="1"/>
        <v>-1006</v>
      </c>
      <c r="J15" s="6">
        <f t="shared" si="2"/>
        <v>-1009</v>
      </c>
      <c r="K15" s="1"/>
      <c r="L15" s="1"/>
    </row>
    <row r="16" spans="1:12" x14ac:dyDescent="0.25">
      <c r="A16" s="1"/>
      <c r="B16" s="9" t="s">
        <v>5</v>
      </c>
      <c r="C16" s="10">
        <f t="shared" ref="C16:J16" si="4">AVERAGE(C4:C15)</f>
        <v>162.33333333333334</v>
      </c>
      <c r="D16" s="10">
        <f t="shared" si="4"/>
        <v>1590.1666666666667</v>
      </c>
      <c r="E16" s="10">
        <f t="shared" si="4"/>
        <v>-1427.8333333333333</v>
      </c>
      <c r="F16" s="10">
        <f t="shared" si="4"/>
        <v>1125.9166666666667</v>
      </c>
      <c r="G16" s="10">
        <f t="shared" si="4"/>
        <v>2699</v>
      </c>
      <c r="H16" s="10">
        <f t="shared" si="4"/>
        <v>-1573.0833333333333</v>
      </c>
      <c r="I16" s="10">
        <f t="shared" si="4"/>
        <v>-963.58333333333337</v>
      </c>
      <c r="J16" s="10">
        <f t="shared" si="4"/>
        <v>-1108.8333333333333</v>
      </c>
      <c r="K16" s="1"/>
      <c r="L16" s="1"/>
    </row>
    <row r="17" spans="1:12" x14ac:dyDescent="0.25">
      <c r="A17" s="1"/>
      <c r="B17" s="31" t="s">
        <v>26</v>
      </c>
      <c r="C17" s="26">
        <f>MAX(C4:C15)</f>
        <v>454</v>
      </c>
      <c r="D17" s="26">
        <f t="shared" ref="D17:J17" si="5">MAX(D4:D15)</f>
        <v>2233</v>
      </c>
      <c r="E17" s="26">
        <f t="shared" si="5"/>
        <v>0</v>
      </c>
      <c r="F17" s="26">
        <f t="shared" si="5"/>
        <v>1695</v>
      </c>
      <c r="G17" s="26">
        <f t="shared" si="5"/>
        <v>3183</v>
      </c>
      <c r="H17" s="26">
        <f t="shared" si="5"/>
        <v>-814</v>
      </c>
      <c r="I17" s="26">
        <f t="shared" si="5"/>
        <v>-552</v>
      </c>
      <c r="J17" s="26">
        <f t="shared" si="5"/>
        <v>-635</v>
      </c>
      <c r="K17" s="1"/>
      <c r="L17" s="1"/>
    </row>
    <row r="18" spans="1:12" x14ac:dyDescent="0.25">
      <c r="A18" s="1"/>
      <c r="B18" s="31" t="s">
        <v>27</v>
      </c>
      <c r="C18" s="26">
        <f>MIN(C4:C15)</f>
        <v>0</v>
      </c>
      <c r="D18" s="26">
        <f t="shared" ref="D18:J18" si="6">MIN(D4:D15)</f>
        <v>0</v>
      </c>
      <c r="E18" s="26">
        <f t="shared" si="6"/>
        <v>-2063</v>
      </c>
      <c r="F18" s="26">
        <f t="shared" si="6"/>
        <v>552</v>
      </c>
      <c r="G18" s="26">
        <f t="shared" si="6"/>
        <v>2010</v>
      </c>
      <c r="H18" s="26">
        <f t="shared" si="6"/>
        <v>-2060</v>
      </c>
      <c r="I18" s="26">
        <f t="shared" si="6"/>
        <v>-1588</v>
      </c>
      <c r="J18" s="26">
        <f t="shared" si="6"/>
        <v>-2243</v>
      </c>
      <c r="K18" s="1"/>
      <c r="L18" s="1"/>
    </row>
    <row r="19" spans="1:12" x14ac:dyDescent="0.25">
      <c r="A19" s="1"/>
      <c r="B19" s="2"/>
      <c r="C19" s="2"/>
      <c r="D19" s="2"/>
      <c r="E19" s="2"/>
      <c r="F19" s="2"/>
      <c r="G19" s="2"/>
      <c r="H19" s="2"/>
      <c r="I19" s="2"/>
      <c r="J19" s="2"/>
      <c r="K19" s="1"/>
      <c r="L19" s="1"/>
    </row>
    <row r="20" spans="1:12" x14ac:dyDescent="0.25">
      <c r="A20" s="1"/>
      <c r="B20" s="1" t="s">
        <v>14</v>
      </c>
      <c r="C20" s="1"/>
      <c r="D20" s="1"/>
      <c r="E20" s="1"/>
      <c r="F20" s="1"/>
      <c r="G20" s="1"/>
      <c r="H20" s="1"/>
      <c r="I20" s="1"/>
      <c r="J20" s="1"/>
      <c r="K20" s="1"/>
      <c r="L20" s="1"/>
    </row>
    <row r="21" spans="1:12" x14ac:dyDescent="0.25">
      <c r="A21" s="1"/>
      <c r="B21" s="1"/>
      <c r="C21" s="1"/>
      <c r="D21" s="1"/>
      <c r="E21" s="1"/>
      <c r="F21" s="1"/>
      <c r="G21" s="1"/>
      <c r="H21" s="1"/>
      <c r="I21" s="1"/>
      <c r="J21" s="1"/>
      <c r="K21" s="1"/>
      <c r="L21" s="1"/>
    </row>
    <row r="22" spans="1:12" x14ac:dyDescent="0.25">
      <c r="A22" s="1"/>
    </row>
  </sheetData>
  <mergeCells count="5">
    <mergeCell ref="I2:J2"/>
    <mergeCell ref="B1:J1"/>
    <mergeCell ref="C2:E2"/>
    <mergeCell ref="F2:H2"/>
    <mergeCell ref="B2:B3"/>
  </mergeCells>
  <pageMargins left="0.7" right="0.7" top="0.78740157499999996" bottom="0.78740157499999996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15"/>
  <sheetViews>
    <sheetView workbookViewId="0">
      <selection activeCell="F9" sqref="F9"/>
    </sheetView>
  </sheetViews>
  <sheetFormatPr defaultRowHeight="15" x14ac:dyDescent="0.25"/>
  <cols>
    <col min="2" max="2" width="5" bestFit="1" customWidth="1"/>
    <col min="3" max="3" width="12.42578125" bestFit="1" customWidth="1"/>
    <col min="4" max="4" width="14" bestFit="1" customWidth="1"/>
  </cols>
  <sheetData>
    <row r="1" spans="1:11" ht="18.75" x14ac:dyDescent="0.3">
      <c r="A1" s="1"/>
      <c r="B1" s="34" t="s">
        <v>15</v>
      </c>
      <c r="C1" s="34"/>
      <c r="D1" s="34"/>
      <c r="E1" s="5"/>
      <c r="F1" s="5"/>
      <c r="G1" s="5"/>
      <c r="H1" s="5"/>
      <c r="I1" s="5"/>
      <c r="J1" s="2"/>
      <c r="K1" s="2"/>
    </row>
    <row r="2" spans="1:11" x14ac:dyDescent="0.25">
      <c r="A2" s="1"/>
      <c r="B2" s="17" t="s">
        <v>1</v>
      </c>
      <c r="C2" s="4" t="s">
        <v>17</v>
      </c>
      <c r="D2" s="4" t="s">
        <v>18</v>
      </c>
      <c r="E2" s="2"/>
      <c r="F2" s="2"/>
      <c r="G2" s="2"/>
      <c r="H2" s="2"/>
      <c r="I2" s="2"/>
      <c r="J2" s="2"/>
      <c r="K2" s="2"/>
    </row>
    <row r="3" spans="1:11" x14ac:dyDescent="0.25">
      <c r="A3" s="1"/>
      <c r="B3" s="16">
        <v>2014</v>
      </c>
      <c r="C3" s="6">
        <v>4480</v>
      </c>
      <c r="D3" s="6">
        <v>20565.625</v>
      </c>
      <c r="E3" s="2"/>
      <c r="G3" s="2"/>
      <c r="H3" s="2"/>
      <c r="I3" s="2"/>
      <c r="J3" s="2"/>
      <c r="K3" s="2"/>
    </row>
    <row r="4" spans="1:11" x14ac:dyDescent="0.25">
      <c r="A4" s="1"/>
      <c r="B4" s="16">
        <v>2015</v>
      </c>
      <c r="C4" s="6">
        <v>44745</v>
      </c>
      <c r="D4" s="6">
        <v>113930</v>
      </c>
      <c r="E4" s="2"/>
      <c r="F4" s="2"/>
      <c r="G4" s="2"/>
      <c r="H4" s="2"/>
      <c r="I4" s="2"/>
      <c r="J4" s="2"/>
      <c r="K4" s="2"/>
    </row>
    <row r="5" spans="1:11" x14ac:dyDescent="0.25">
      <c r="A5" s="1"/>
      <c r="B5" s="16">
        <v>2016</v>
      </c>
      <c r="C5" s="6">
        <v>13667.5</v>
      </c>
      <c r="D5" s="6">
        <v>31497.5</v>
      </c>
      <c r="E5" s="2"/>
      <c r="F5" s="2"/>
      <c r="G5" s="2"/>
      <c r="H5" s="2"/>
      <c r="I5" s="2"/>
      <c r="J5" s="2"/>
      <c r="K5" s="2"/>
    </row>
    <row r="6" spans="1:11" x14ac:dyDescent="0.25">
      <c r="A6" s="1"/>
      <c r="B6" s="16">
        <v>2017</v>
      </c>
      <c r="C6" s="6">
        <v>4550</v>
      </c>
      <c r="D6" s="6">
        <v>2700</v>
      </c>
      <c r="E6" s="2"/>
      <c r="F6" s="2"/>
      <c r="G6" s="2"/>
      <c r="H6" s="2"/>
      <c r="I6" s="2"/>
      <c r="J6" s="2"/>
      <c r="K6" s="2"/>
    </row>
    <row r="7" spans="1:11" x14ac:dyDescent="0.25">
      <c r="A7" s="1"/>
      <c r="B7" s="16">
        <v>2018</v>
      </c>
      <c r="C7" s="6">
        <v>1400</v>
      </c>
      <c r="D7" s="6">
        <v>29900</v>
      </c>
      <c r="E7" s="2"/>
      <c r="F7" s="2"/>
      <c r="G7" s="2"/>
      <c r="H7" s="2"/>
      <c r="I7" s="2"/>
      <c r="J7" s="2"/>
      <c r="K7" s="2"/>
    </row>
    <row r="8" spans="1:11" x14ac:dyDescent="0.25">
      <c r="A8" s="1"/>
      <c r="B8" s="16">
        <v>2019</v>
      </c>
      <c r="C8" s="6">
        <v>13550</v>
      </c>
      <c r="D8" s="6">
        <v>11300</v>
      </c>
      <c r="E8" s="2"/>
      <c r="F8" s="2"/>
      <c r="G8" s="2"/>
      <c r="H8" s="2"/>
      <c r="I8" s="2"/>
      <c r="J8" s="2"/>
      <c r="K8" s="2"/>
    </row>
    <row r="9" spans="1:11" x14ac:dyDescent="0.25">
      <c r="A9" s="1"/>
      <c r="B9" s="16">
        <v>2020</v>
      </c>
      <c r="C9" s="6">
        <v>2650</v>
      </c>
      <c r="D9" s="6">
        <v>1850</v>
      </c>
      <c r="E9" s="2"/>
      <c r="F9" s="2"/>
      <c r="G9" s="2"/>
      <c r="H9" s="2"/>
      <c r="I9" s="2"/>
      <c r="J9" s="2"/>
      <c r="K9" s="2"/>
    </row>
    <row r="10" spans="1:11" x14ac:dyDescent="0.25">
      <c r="A10" s="1"/>
      <c r="B10" s="16">
        <v>2021</v>
      </c>
      <c r="C10" s="6">
        <v>1925</v>
      </c>
      <c r="D10" s="6">
        <v>3400</v>
      </c>
      <c r="E10" s="2"/>
      <c r="F10" s="2"/>
      <c r="G10" s="2"/>
      <c r="H10" s="2"/>
      <c r="I10" s="2"/>
      <c r="J10" s="2"/>
      <c r="K10" s="2"/>
    </row>
    <row r="11" spans="1:11" x14ac:dyDescent="0.25">
      <c r="A11" s="1"/>
      <c r="B11" s="9" t="s">
        <v>5</v>
      </c>
      <c r="C11" s="10">
        <f>AVERAGE(C3:C10)</f>
        <v>10870.9375</v>
      </c>
      <c r="D11" s="10">
        <f>AVERAGE(D3:D10)</f>
        <v>26892.890625</v>
      </c>
      <c r="E11" s="2"/>
      <c r="F11" s="2"/>
      <c r="G11" s="2"/>
      <c r="H11" s="2"/>
      <c r="I11" s="2"/>
      <c r="J11" s="2"/>
      <c r="K11" s="2"/>
    </row>
    <row r="12" spans="1:11" x14ac:dyDescent="0.25">
      <c r="A12" s="1"/>
      <c r="B12" s="2"/>
      <c r="C12" s="2"/>
      <c r="D12" s="2"/>
      <c r="E12" s="2"/>
      <c r="F12" s="2"/>
      <c r="G12" s="2"/>
      <c r="H12" s="2"/>
      <c r="I12" s="2"/>
      <c r="J12" s="1"/>
      <c r="K12" s="1"/>
    </row>
    <row r="13" spans="1:11" x14ac:dyDescent="0.25">
      <c r="A13" s="1"/>
      <c r="B13" s="1" t="s">
        <v>16</v>
      </c>
      <c r="C13" s="1"/>
      <c r="D13" s="1"/>
      <c r="E13" s="1"/>
      <c r="F13" s="1"/>
      <c r="G13" s="1"/>
      <c r="H13" s="1"/>
      <c r="I13" s="1"/>
      <c r="J13" s="1"/>
      <c r="K13" s="1"/>
    </row>
    <row r="14" spans="1:11" x14ac:dyDescent="0.25">
      <c r="A14" s="1"/>
      <c r="B14" s="1"/>
      <c r="C14" s="1"/>
      <c r="D14" s="1"/>
      <c r="E14" s="1"/>
      <c r="F14" s="1"/>
      <c r="H14" s="1"/>
      <c r="I14" s="1"/>
      <c r="J14" s="1"/>
      <c r="K14" s="1"/>
    </row>
    <row r="15" spans="1:11" x14ac:dyDescent="0.25">
      <c r="A15" s="1"/>
    </row>
  </sheetData>
  <mergeCells count="1">
    <mergeCell ref="B1:D1"/>
  </mergeCells>
  <pageMargins left="0.7" right="0.7" top="0.78740157499999996" bottom="0.78740157499999996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17"/>
  <sheetViews>
    <sheetView workbookViewId="0">
      <selection activeCell="H30" sqref="H30"/>
    </sheetView>
  </sheetViews>
  <sheetFormatPr defaultRowHeight="15" x14ac:dyDescent="0.25"/>
  <cols>
    <col min="2" max="2" width="5" bestFit="1" customWidth="1"/>
    <col min="3" max="3" width="16.5703125" bestFit="1" customWidth="1"/>
  </cols>
  <sheetData>
    <row r="1" spans="1:10" ht="18.75" x14ac:dyDescent="0.3">
      <c r="A1" s="40" t="s">
        <v>19</v>
      </c>
      <c r="B1" s="40"/>
      <c r="C1" s="40"/>
      <c r="D1" s="40"/>
      <c r="E1" s="5"/>
      <c r="F1" s="5"/>
      <c r="G1" s="5"/>
      <c r="H1" s="5"/>
      <c r="I1" s="2"/>
      <c r="J1" s="2"/>
    </row>
    <row r="2" spans="1:10" x14ac:dyDescent="0.25">
      <c r="A2" s="1"/>
      <c r="B2" s="18" t="s">
        <v>1</v>
      </c>
      <c r="C2" s="4" t="s">
        <v>20</v>
      </c>
      <c r="D2" s="2"/>
      <c r="E2" s="2"/>
      <c r="F2" s="2"/>
      <c r="G2" s="2"/>
      <c r="H2" s="2"/>
      <c r="I2" s="2"/>
      <c r="J2" s="2"/>
    </row>
    <row r="3" spans="1:10" x14ac:dyDescent="0.25">
      <c r="A3" s="1"/>
      <c r="B3" s="16">
        <v>2010</v>
      </c>
      <c r="C3" s="6">
        <v>41270308</v>
      </c>
      <c r="D3" s="2"/>
      <c r="E3" s="2"/>
      <c r="F3" s="2"/>
      <c r="G3" s="2"/>
      <c r="H3" s="2"/>
      <c r="I3" s="2"/>
      <c r="J3" s="2"/>
    </row>
    <row r="4" spans="1:10" x14ac:dyDescent="0.25">
      <c r="A4" s="1"/>
      <c r="B4" s="16">
        <v>2011</v>
      </c>
      <c r="C4" s="6">
        <v>82541808</v>
      </c>
      <c r="D4" s="2"/>
      <c r="E4" s="2"/>
      <c r="F4" s="2"/>
      <c r="G4" s="2"/>
      <c r="H4" s="2"/>
      <c r="I4" s="2"/>
      <c r="J4" s="2"/>
    </row>
    <row r="5" spans="1:10" x14ac:dyDescent="0.25">
      <c r="A5" s="1"/>
      <c r="B5" s="16">
        <v>2012</v>
      </c>
      <c r="C5" s="6">
        <v>84341776</v>
      </c>
      <c r="D5" s="2"/>
      <c r="E5" s="2"/>
      <c r="F5" s="2"/>
      <c r="G5" s="2"/>
      <c r="H5" s="2"/>
      <c r="I5" s="2"/>
      <c r="J5" s="2"/>
    </row>
    <row r="6" spans="1:10" x14ac:dyDescent="0.25">
      <c r="A6" s="1"/>
      <c r="B6" s="16">
        <v>2013</v>
      </c>
      <c r="C6" s="6">
        <v>82316080</v>
      </c>
      <c r="D6" s="2"/>
      <c r="E6" s="2"/>
      <c r="F6" s="2"/>
      <c r="G6" s="2"/>
      <c r="H6" s="2"/>
      <c r="I6" s="2"/>
      <c r="J6" s="2"/>
    </row>
    <row r="7" spans="1:10" x14ac:dyDescent="0.25">
      <c r="A7" s="1"/>
      <c r="B7" s="16">
        <v>2014</v>
      </c>
      <c r="C7" s="6">
        <v>81120368</v>
      </c>
      <c r="D7" s="2"/>
      <c r="F7" s="2"/>
      <c r="G7" s="2"/>
      <c r="H7" s="2"/>
      <c r="I7" s="2"/>
      <c r="J7" s="2"/>
    </row>
    <row r="8" spans="1:10" x14ac:dyDescent="0.25">
      <c r="A8" s="1"/>
      <c r="B8" s="16">
        <v>2015</v>
      </c>
      <c r="C8" s="6">
        <v>77219488</v>
      </c>
      <c r="D8" s="2"/>
      <c r="E8" s="2"/>
      <c r="F8" s="2"/>
      <c r="G8" s="2"/>
      <c r="H8" s="2"/>
      <c r="I8" s="2"/>
      <c r="J8" s="2"/>
    </row>
    <row r="9" spans="1:10" x14ac:dyDescent="0.25">
      <c r="A9" s="1"/>
      <c r="B9" s="16">
        <v>2016</v>
      </c>
      <c r="C9" s="6">
        <v>79347792</v>
      </c>
      <c r="D9" s="2"/>
      <c r="E9" s="2"/>
      <c r="F9" s="2"/>
      <c r="G9" s="2"/>
      <c r="H9" s="2"/>
      <c r="I9" s="2"/>
      <c r="J9" s="2"/>
    </row>
    <row r="10" spans="1:10" x14ac:dyDescent="0.25">
      <c r="A10" s="1"/>
      <c r="B10" s="16">
        <v>2017</v>
      </c>
      <c r="C10" s="6">
        <v>82517151</v>
      </c>
      <c r="D10" s="2"/>
      <c r="E10" s="2"/>
      <c r="F10" s="2"/>
      <c r="G10" s="2"/>
      <c r="H10" s="2"/>
      <c r="I10" s="2"/>
      <c r="J10" s="2"/>
    </row>
    <row r="11" spans="1:10" x14ac:dyDescent="0.25">
      <c r="A11" s="1"/>
      <c r="B11" s="16">
        <v>2018</v>
      </c>
      <c r="C11" s="6">
        <v>82547064</v>
      </c>
      <c r="D11" s="2"/>
      <c r="E11" s="2"/>
      <c r="F11" s="2"/>
      <c r="G11" s="2"/>
      <c r="H11" s="2"/>
      <c r="I11" s="2"/>
      <c r="J11" s="2"/>
    </row>
    <row r="12" spans="1:10" x14ac:dyDescent="0.25">
      <c r="A12" s="1"/>
      <c r="B12" s="16">
        <v>2019</v>
      </c>
      <c r="C12" s="6">
        <v>81332800</v>
      </c>
      <c r="D12" s="2"/>
      <c r="E12" s="2"/>
      <c r="F12" s="2"/>
      <c r="G12" s="2"/>
      <c r="H12" s="2"/>
      <c r="I12" s="2"/>
      <c r="J12" s="2"/>
    </row>
    <row r="13" spans="1:10" x14ac:dyDescent="0.25">
      <c r="A13" s="1"/>
      <c r="B13" s="16">
        <v>2020</v>
      </c>
      <c r="C13" s="6">
        <v>75213696</v>
      </c>
      <c r="D13" s="2"/>
      <c r="E13" s="2"/>
      <c r="F13" s="2"/>
      <c r="G13" s="2"/>
      <c r="H13" s="2"/>
      <c r="I13" s="2"/>
      <c r="J13" s="2"/>
    </row>
    <row r="14" spans="1:10" x14ac:dyDescent="0.25">
      <c r="A14" s="1"/>
      <c r="B14" s="9" t="s">
        <v>5</v>
      </c>
      <c r="C14" s="10">
        <f>AVERAGE(C3:C13)</f>
        <v>77251666.454545453</v>
      </c>
      <c r="D14" s="2"/>
      <c r="E14" s="2"/>
      <c r="F14" s="2"/>
      <c r="G14" s="2"/>
      <c r="H14" s="2"/>
      <c r="I14" s="2"/>
      <c r="J14" s="2"/>
    </row>
    <row r="15" spans="1:10" x14ac:dyDescent="0.25">
      <c r="A15" s="1"/>
      <c r="B15" s="2"/>
      <c r="C15" s="2"/>
      <c r="D15" s="2"/>
      <c r="E15" s="2"/>
      <c r="F15" s="2"/>
      <c r="G15" s="2"/>
      <c r="H15" s="2"/>
      <c r="I15" s="1"/>
      <c r="J15" s="1"/>
    </row>
    <row r="16" spans="1:10" x14ac:dyDescent="0.25">
      <c r="A16" s="1"/>
      <c r="B16" s="1" t="s">
        <v>21</v>
      </c>
      <c r="C16" s="1"/>
      <c r="D16" s="1"/>
      <c r="E16" s="1"/>
      <c r="F16" s="1"/>
      <c r="G16" s="1"/>
      <c r="H16" s="1"/>
      <c r="I16" s="1"/>
      <c r="J16" s="1"/>
    </row>
    <row r="17" spans="1:10" x14ac:dyDescent="0.25">
      <c r="A17" s="1"/>
      <c r="B17" s="1"/>
      <c r="C17" s="1"/>
      <c r="D17" s="1"/>
      <c r="E17" s="1"/>
      <c r="G17" s="1"/>
      <c r="H17" s="1"/>
      <c r="I17" s="1"/>
      <c r="J17" s="1"/>
    </row>
  </sheetData>
  <mergeCells count="1">
    <mergeCell ref="A1:D1"/>
  </mergeCells>
  <pageMargins left="0.7" right="0.7" top="0.78740157499999996" bottom="0.78740157499999996" header="0.3" footer="0.3"/>
  <pageSetup paperSize="9" orientation="portrait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19"/>
  <sheetViews>
    <sheetView workbookViewId="0">
      <selection activeCell="D27" sqref="D27"/>
    </sheetView>
  </sheetViews>
  <sheetFormatPr defaultRowHeight="15" x14ac:dyDescent="0.25"/>
  <cols>
    <col min="2" max="2" width="5" bestFit="1" customWidth="1"/>
    <col min="3" max="3" width="32.140625" bestFit="1" customWidth="1"/>
    <col min="4" max="4" width="34.28515625" bestFit="1" customWidth="1"/>
    <col min="5" max="5" width="28" bestFit="1" customWidth="1"/>
    <col min="6" max="6" width="30.140625" bestFit="1" customWidth="1"/>
  </cols>
  <sheetData>
    <row r="1" spans="1:7" ht="18.75" x14ac:dyDescent="0.3">
      <c r="A1" s="1"/>
      <c r="B1" s="32" t="s">
        <v>32</v>
      </c>
      <c r="C1" s="32"/>
      <c r="D1" s="32"/>
      <c r="E1" s="32"/>
      <c r="F1" s="32"/>
      <c r="G1" s="1"/>
    </row>
    <row r="2" spans="1:7" x14ac:dyDescent="0.25">
      <c r="A2" s="1"/>
      <c r="B2" s="15" t="s">
        <v>1</v>
      </c>
      <c r="C2" s="4" t="s">
        <v>28</v>
      </c>
      <c r="D2" s="4" t="s">
        <v>30</v>
      </c>
      <c r="E2" s="4" t="s">
        <v>29</v>
      </c>
      <c r="F2" s="4" t="s">
        <v>31</v>
      </c>
      <c r="G2" s="1"/>
    </row>
    <row r="3" spans="1:7" x14ac:dyDescent="0.25">
      <c r="A3" s="1"/>
      <c r="B3" s="11">
        <v>2010</v>
      </c>
      <c r="C3" s="27">
        <v>698.38</v>
      </c>
      <c r="D3" s="27">
        <f>C3*278000</f>
        <v>194149640</v>
      </c>
      <c r="E3" s="28">
        <v>311.529177</v>
      </c>
      <c r="F3" s="27">
        <f>E3*278000</f>
        <v>86605111.206</v>
      </c>
      <c r="G3" s="1"/>
    </row>
    <row r="4" spans="1:7" x14ac:dyDescent="0.25">
      <c r="A4" s="1"/>
      <c r="B4" s="12">
        <v>2011</v>
      </c>
      <c r="C4" s="29">
        <v>689.66</v>
      </c>
      <c r="D4" s="29">
        <f t="shared" ref="D4:D11" si="0">C4*278000</f>
        <v>191725480</v>
      </c>
      <c r="E4" s="29">
        <v>287.37</v>
      </c>
      <c r="F4" s="29">
        <f t="shared" ref="F4:F11" si="1">E4*278000</f>
        <v>79888860</v>
      </c>
      <c r="G4" s="1"/>
    </row>
    <row r="5" spans="1:7" x14ac:dyDescent="0.25">
      <c r="A5" s="1"/>
      <c r="B5" s="12">
        <v>2012</v>
      </c>
      <c r="C5" s="29">
        <v>678.53</v>
      </c>
      <c r="D5" s="29">
        <f t="shared" si="0"/>
        <v>188631340</v>
      </c>
      <c r="E5" s="29">
        <v>297.94</v>
      </c>
      <c r="F5" s="29">
        <f t="shared" si="1"/>
        <v>82827320</v>
      </c>
      <c r="G5" s="1"/>
    </row>
    <row r="6" spans="1:7" x14ac:dyDescent="0.25">
      <c r="A6" s="1"/>
      <c r="B6" s="12">
        <v>2013</v>
      </c>
      <c r="C6" s="29">
        <v>663.92</v>
      </c>
      <c r="D6" s="29">
        <f t="shared" si="0"/>
        <v>184569760</v>
      </c>
      <c r="E6" s="29">
        <v>304.39</v>
      </c>
      <c r="F6" s="29">
        <f t="shared" si="1"/>
        <v>84620420</v>
      </c>
      <c r="G6" s="1"/>
    </row>
    <row r="7" spans="1:7" x14ac:dyDescent="0.25">
      <c r="A7" s="1"/>
      <c r="B7" s="12">
        <v>2014</v>
      </c>
      <c r="C7" s="29">
        <v>665.1</v>
      </c>
      <c r="D7" s="29">
        <f t="shared" si="0"/>
        <v>184897800</v>
      </c>
      <c r="E7" s="29">
        <v>274.47000000000003</v>
      </c>
      <c r="F7" s="29">
        <f t="shared" si="1"/>
        <v>76302660.000000015</v>
      </c>
      <c r="G7" s="1"/>
    </row>
    <row r="8" spans="1:7" x14ac:dyDescent="0.25">
      <c r="A8" s="1"/>
      <c r="B8" s="12">
        <v>2015</v>
      </c>
      <c r="C8" s="29">
        <v>683.49</v>
      </c>
      <c r="D8" s="29">
        <f t="shared" si="0"/>
        <v>190010220</v>
      </c>
      <c r="E8" s="29">
        <v>283.49</v>
      </c>
      <c r="F8" s="29">
        <f t="shared" si="1"/>
        <v>78810220</v>
      </c>
      <c r="G8" s="1"/>
    </row>
    <row r="9" spans="1:7" x14ac:dyDescent="0.25">
      <c r="A9" s="1"/>
      <c r="B9" s="12">
        <v>2016</v>
      </c>
      <c r="C9" s="29">
        <v>695.05</v>
      </c>
      <c r="D9" s="29">
        <f t="shared" si="0"/>
        <v>193223900</v>
      </c>
      <c r="E9" s="29">
        <v>296.92</v>
      </c>
      <c r="F9" s="29">
        <f t="shared" si="1"/>
        <v>82543760</v>
      </c>
      <c r="G9" s="1"/>
    </row>
    <row r="10" spans="1:7" x14ac:dyDescent="0.25">
      <c r="A10" s="1"/>
      <c r="B10" s="12">
        <v>2017</v>
      </c>
      <c r="C10" s="29">
        <v>721.62</v>
      </c>
      <c r="D10" s="29">
        <f t="shared" si="0"/>
        <v>200610360</v>
      </c>
      <c r="E10" s="29">
        <v>301.64999999999998</v>
      </c>
      <c r="F10" s="29">
        <f t="shared" si="1"/>
        <v>83858700</v>
      </c>
      <c r="G10" s="1"/>
    </row>
    <row r="11" spans="1:7" x14ac:dyDescent="0.25">
      <c r="A11" s="1"/>
      <c r="B11" s="13">
        <v>2018</v>
      </c>
      <c r="C11" s="30">
        <v>717.41</v>
      </c>
      <c r="D11" s="30">
        <f t="shared" si="0"/>
        <v>199439980</v>
      </c>
      <c r="E11" s="30">
        <v>294.95999999999998</v>
      </c>
      <c r="F11" s="30">
        <f t="shared" si="1"/>
        <v>81998880</v>
      </c>
      <c r="G11" s="1"/>
    </row>
    <row r="12" spans="1:7" x14ac:dyDescent="0.25">
      <c r="A12" s="1"/>
      <c r="B12" s="9" t="s">
        <v>5</v>
      </c>
      <c r="C12" s="10">
        <f>AVERAGE(C3:C11)</f>
        <v>690.35111111111109</v>
      </c>
      <c r="D12" s="10">
        <f>AVERAGE(D3:D11)</f>
        <v>191917608.8888889</v>
      </c>
      <c r="E12" s="10">
        <f>AVERAGE(E3:E11)</f>
        <v>294.74657522222225</v>
      </c>
      <c r="F12" s="10">
        <f>AVERAGE(F3:F11)</f>
        <v>81939547.911777779</v>
      </c>
      <c r="G12" s="1"/>
    </row>
    <row r="13" spans="1:7" x14ac:dyDescent="0.25">
      <c r="A13" s="1"/>
      <c r="B13" s="31" t="s">
        <v>26</v>
      </c>
      <c r="C13" s="26">
        <f>MAX(C3:C11)</f>
        <v>721.62</v>
      </c>
      <c r="D13" s="26">
        <f>MAX(D3:D11)</f>
        <v>200610360</v>
      </c>
      <c r="E13" s="26">
        <f>MAX(E3:E11)</f>
        <v>311.529177</v>
      </c>
      <c r="F13" s="26">
        <f>MAX(F3:F11)</f>
        <v>86605111.206</v>
      </c>
      <c r="G13" s="1"/>
    </row>
    <row r="14" spans="1:7" x14ac:dyDescent="0.25">
      <c r="A14" s="1"/>
      <c r="B14" s="31" t="s">
        <v>27</v>
      </c>
      <c r="C14" s="26">
        <f>MIN(C3:C11)</f>
        <v>663.92</v>
      </c>
      <c r="D14" s="26">
        <f>MIN(D3:D11)</f>
        <v>184569760</v>
      </c>
      <c r="E14" s="26">
        <f>MIN(E3:E11)</f>
        <v>274.47000000000003</v>
      </c>
      <c r="F14" s="26">
        <f>MIN(F3:F11)</f>
        <v>76302660.000000015</v>
      </c>
      <c r="G14" s="1"/>
    </row>
    <row r="15" spans="1:7" x14ac:dyDescent="0.25">
      <c r="A15" s="1"/>
      <c r="B15" s="1"/>
      <c r="C15" s="1"/>
      <c r="D15" s="1"/>
      <c r="E15" s="1"/>
      <c r="F15" s="1"/>
      <c r="G15" s="1"/>
    </row>
    <row r="16" spans="1:7" x14ac:dyDescent="0.25">
      <c r="B16" s="1" t="s">
        <v>13</v>
      </c>
      <c r="C16" s="1"/>
      <c r="D16" s="1"/>
      <c r="E16" s="1"/>
      <c r="F16" s="1"/>
      <c r="G16" s="1"/>
    </row>
    <row r="17" spans="1:7" x14ac:dyDescent="0.25">
      <c r="A17" s="1"/>
      <c r="B17" s="1"/>
      <c r="C17" s="1"/>
      <c r="D17" s="1"/>
      <c r="E17" s="1"/>
      <c r="F17" s="1"/>
      <c r="G17" s="1"/>
    </row>
    <row r="18" spans="1:7" x14ac:dyDescent="0.25">
      <c r="A18" s="1"/>
      <c r="B18" s="1"/>
      <c r="C18" s="1"/>
      <c r="D18" s="1"/>
      <c r="E18" s="1"/>
      <c r="F18" s="1"/>
      <c r="G18" s="1"/>
    </row>
    <row r="19" spans="1:7" x14ac:dyDescent="0.25">
      <c r="A19" s="1"/>
      <c r="B19" s="1"/>
      <c r="C19" s="1"/>
      <c r="D19" s="1"/>
      <c r="E19" s="1"/>
      <c r="F19" s="1"/>
      <c r="G19" s="1"/>
    </row>
  </sheetData>
  <mergeCells count="1">
    <mergeCell ref="B1:F1"/>
  </mergeCells>
  <pageMargins left="0.7" right="0.7" top="0.78740157499999996" bottom="0.78740157499999996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4190"/>
  <sheetViews>
    <sheetView tabSelected="1" topLeftCell="A4154" workbookViewId="0">
      <selection activeCell="C4183" sqref="C4183"/>
    </sheetView>
  </sheetViews>
  <sheetFormatPr defaultRowHeight="15" x14ac:dyDescent="0.25"/>
  <cols>
    <col min="1" max="1" width="9.140625" style="1"/>
    <col min="2" max="2" width="10.140625" style="23" bestFit="1" customWidth="1"/>
    <col min="3" max="3" width="15.28515625" style="19" bestFit="1" customWidth="1"/>
    <col min="4" max="6" width="9.140625" style="1"/>
  </cols>
  <sheetData>
    <row r="1" spans="2:3" ht="18.75" x14ac:dyDescent="0.3">
      <c r="B1" s="32" t="s">
        <v>24</v>
      </c>
      <c r="C1" s="32"/>
    </row>
    <row r="2" spans="2:3" x14ac:dyDescent="0.25">
      <c r="B2" s="4" t="s">
        <v>22</v>
      </c>
      <c r="C2" s="20" t="s">
        <v>23</v>
      </c>
    </row>
    <row r="3" spans="2:3" x14ac:dyDescent="0.25">
      <c r="B3" s="21">
        <v>40179</v>
      </c>
      <c r="C3" s="6">
        <v>9421800</v>
      </c>
    </row>
    <row r="4" spans="2:3" x14ac:dyDescent="0.25">
      <c r="B4" s="21">
        <v>40180</v>
      </c>
      <c r="C4" s="6">
        <v>10372319</v>
      </c>
    </row>
    <row r="5" spans="2:3" x14ac:dyDescent="0.25">
      <c r="B5" s="21">
        <v>40181</v>
      </c>
      <c r="C5" s="6">
        <v>10938433</v>
      </c>
    </row>
    <row r="6" spans="2:3" x14ac:dyDescent="0.25">
      <c r="B6" s="21">
        <v>40182</v>
      </c>
      <c r="C6" s="6">
        <v>13036618</v>
      </c>
    </row>
    <row r="7" spans="2:3" x14ac:dyDescent="0.25">
      <c r="B7" s="21">
        <v>40183</v>
      </c>
      <c r="C7" s="6">
        <v>13590323</v>
      </c>
    </row>
    <row r="8" spans="2:3" x14ac:dyDescent="0.25">
      <c r="B8" s="21">
        <v>40184</v>
      </c>
      <c r="C8" s="6">
        <v>13681504</v>
      </c>
    </row>
    <row r="9" spans="2:3" x14ac:dyDescent="0.25">
      <c r="B9" s="21">
        <v>40185</v>
      </c>
      <c r="C9" s="6">
        <v>13725743</v>
      </c>
    </row>
    <row r="10" spans="2:3" x14ac:dyDescent="0.25">
      <c r="B10" s="21">
        <v>40186</v>
      </c>
      <c r="C10" s="6">
        <v>13747215</v>
      </c>
    </row>
    <row r="11" spans="2:3" x14ac:dyDescent="0.25">
      <c r="B11" s="21">
        <v>40187</v>
      </c>
      <c r="C11" s="6">
        <v>12102568</v>
      </c>
    </row>
    <row r="12" spans="2:3" x14ac:dyDescent="0.25">
      <c r="B12" s="21">
        <v>40188</v>
      </c>
      <c r="C12" s="6">
        <v>11734172</v>
      </c>
    </row>
    <row r="13" spans="2:3" x14ac:dyDescent="0.25">
      <c r="B13" s="21">
        <v>40189</v>
      </c>
      <c r="C13" s="6">
        <v>13743748</v>
      </c>
    </row>
    <row r="14" spans="2:3" x14ac:dyDescent="0.25">
      <c r="B14" s="21">
        <v>40190</v>
      </c>
      <c r="C14" s="6">
        <v>14147864</v>
      </c>
    </row>
    <row r="15" spans="2:3" x14ac:dyDescent="0.25">
      <c r="B15" s="21">
        <v>40191</v>
      </c>
      <c r="C15" s="6">
        <v>14211471</v>
      </c>
    </row>
    <row r="16" spans="2:3" x14ac:dyDescent="0.25">
      <c r="B16" s="21">
        <v>40192</v>
      </c>
      <c r="C16" s="6">
        <v>14016240</v>
      </c>
    </row>
    <row r="17" spans="2:3" x14ac:dyDescent="0.25">
      <c r="B17" s="21">
        <v>40193</v>
      </c>
      <c r="C17" s="6">
        <v>13754605</v>
      </c>
    </row>
    <row r="18" spans="2:3" x14ac:dyDescent="0.25">
      <c r="B18" s="21">
        <v>40194</v>
      </c>
      <c r="C18" s="6">
        <v>12178001</v>
      </c>
    </row>
    <row r="19" spans="2:3" x14ac:dyDescent="0.25">
      <c r="B19" s="21">
        <v>40195</v>
      </c>
      <c r="C19" s="6">
        <v>11911168</v>
      </c>
    </row>
    <row r="20" spans="2:3" x14ac:dyDescent="0.25">
      <c r="B20" s="21">
        <v>40196</v>
      </c>
      <c r="C20" s="6">
        <v>13654899</v>
      </c>
    </row>
    <row r="21" spans="2:3" x14ac:dyDescent="0.25">
      <c r="B21" s="21">
        <v>40197</v>
      </c>
      <c r="C21" s="6">
        <v>13672752</v>
      </c>
    </row>
    <row r="22" spans="2:3" x14ac:dyDescent="0.25">
      <c r="B22" s="21">
        <v>40198</v>
      </c>
      <c r="C22" s="6">
        <v>13748781</v>
      </c>
    </row>
    <row r="23" spans="2:3" x14ac:dyDescent="0.25">
      <c r="B23" s="21">
        <v>40199</v>
      </c>
      <c r="C23" s="6">
        <v>14089620</v>
      </c>
    </row>
    <row r="24" spans="2:3" x14ac:dyDescent="0.25">
      <c r="B24" s="21">
        <v>40200</v>
      </c>
      <c r="C24" s="6">
        <v>14023304</v>
      </c>
    </row>
    <row r="25" spans="2:3" x14ac:dyDescent="0.25">
      <c r="B25" s="21">
        <v>40201</v>
      </c>
      <c r="C25" s="6">
        <v>12661998</v>
      </c>
    </row>
    <row r="26" spans="2:3" x14ac:dyDescent="0.25">
      <c r="B26" s="21">
        <v>40202</v>
      </c>
      <c r="C26" s="6">
        <v>12455127</v>
      </c>
    </row>
    <row r="27" spans="2:3" x14ac:dyDescent="0.25">
      <c r="B27" s="21">
        <v>40203</v>
      </c>
      <c r="C27" s="6">
        <v>14482389</v>
      </c>
    </row>
    <row r="28" spans="2:3" x14ac:dyDescent="0.25">
      <c r="B28" s="21">
        <v>40204</v>
      </c>
      <c r="C28" s="6">
        <v>14558989</v>
      </c>
    </row>
    <row r="29" spans="2:3" x14ac:dyDescent="0.25">
      <c r="B29" s="21">
        <v>40205</v>
      </c>
      <c r="C29" s="6">
        <v>14971565</v>
      </c>
    </row>
    <row r="30" spans="2:3" x14ac:dyDescent="0.25">
      <c r="B30" s="21">
        <v>40206</v>
      </c>
      <c r="C30" s="6">
        <v>14595841</v>
      </c>
    </row>
    <row r="31" spans="2:3" x14ac:dyDescent="0.25">
      <c r="B31" s="21">
        <v>40207</v>
      </c>
      <c r="C31" s="6">
        <v>13927148</v>
      </c>
    </row>
    <row r="32" spans="2:3" x14ac:dyDescent="0.25">
      <c r="B32" s="21">
        <v>40208</v>
      </c>
      <c r="C32" s="6">
        <v>12172556</v>
      </c>
    </row>
    <row r="33" spans="2:3" x14ac:dyDescent="0.25">
      <c r="B33" s="21">
        <v>40209</v>
      </c>
      <c r="C33" s="6">
        <v>12002485</v>
      </c>
    </row>
    <row r="34" spans="2:3" x14ac:dyDescent="0.25">
      <c r="B34" s="21">
        <v>40210</v>
      </c>
      <c r="C34" s="6">
        <v>13942929</v>
      </c>
    </row>
    <row r="35" spans="2:3" x14ac:dyDescent="0.25">
      <c r="B35" s="21">
        <v>40211</v>
      </c>
      <c r="C35" s="6">
        <v>14069076</v>
      </c>
    </row>
    <row r="36" spans="2:3" x14ac:dyDescent="0.25">
      <c r="B36" s="21">
        <v>40212</v>
      </c>
      <c r="C36" s="6">
        <v>13972709</v>
      </c>
    </row>
    <row r="37" spans="2:3" x14ac:dyDescent="0.25">
      <c r="B37" s="21">
        <v>40213</v>
      </c>
      <c r="C37" s="6">
        <v>14001126</v>
      </c>
    </row>
    <row r="38" spans="2:3" x14ac:dyDescent="0.25">
      <c r="B38" s="21">
        <v>40214</v>
      </c>
      <c r="C38" s="6">
        <v>13655990</v>
      </c>
    </row>
    <row r="39" spans="2:3" x14ac:dyDescent="0.25">
      <c r="B39" s="21">
        <v>40215</v>
      </c>
      <c r="C39" s="6">
        <v>12015290</v>
      </c>
    </row>
    <row r="40" spans="2:3" x14ac:dyDescent="0.25">
      <c r="B40" s="21">
        <v>40216</v>
      </c>
      <c r="C40" s="6">
        <v>11871396</v>
      </c>
    </row>
    <row r="41" spans="2:3" x14ac:dyDescent="0.25">
      <c r="B41" s="21">
        <v>40217</v>
      </c>
      <c r="C41" s="6">
        <v>13930119</v>
      </c>
    </row>
    <row r="42" spans="2:3" x14ac:dyDescent="0.25">
      <c r="B42" s="21">
        <v>40218</v>
      </c>
      <c r="C42" s="6">
        <v>14257417</v>
      </c>
    </row>
    <row r="43" spans="2:3" x14ac:dyDescent="0.25">
      <c r="B43" s="21">
        <v>40219</v>
      </c>
      <c r="C43" s="6">
        <v>14271220</v>
      </c>
    </row>
    <row r="44" spans="2:3" x14ac:dyDescent="0.25">
      <c r="B44" s="21">
        <v>40220</v>
      </c>
      <c r="C44" s="6">
        <v>14227900</v>
      </c>
    </row>
    <row r="45" spans="2:3" x14ac:dyDescent="0.25">
      <c r="B45" s="21">
        <v>40221</v>
      </c>
      <c r="C45" s="6">
        <v>13955330</v>
      </c>
    </row>
    <row r="46" spans="2:3" x14ac:dyDescent="0.25">
      <c r="B46" s="21">
        <v>40222</v>
      </c>
      <c r="C46" s="6">
        <v>12354294</v>
      </c>
    </row>
    <row r="47" spans="2:3" x14ac:dyDescent="0.25">
      <c r="B47" s="21">
        <v>40223</v>
      </c>
      <c r="C47" s="6">
        <v>11873054</v>
      </c>
    </row>
    <row r="48" spans="2:3" x14ac:dyDescent="0.25">
      <c r="B48" s="21">
        <v>40224</v>
      </c>
      <c r="C48" s="6">
        <v>13846591</v>
      </c>
    </row>
    <row r="49" spans="2:3" x14ac:dyDescent="0.25">
      <c r="B49" s="21">
        <v>40225</v>
      </c>
      <c r="C49" s="6">
        <v>14000490</v>
      </c>
    </row>
    <row r="50" spans="2:3" x14ac:dyDescent="0.25">
      <c r="B50" s="21">
        <v>40226</v>
      </c>
      <c r="C50" s="6">
        <v>14024632</v>
      </c>
    </row>
    <row r="51" spans="2:3" x14ac:dyDescent="0.25">
      <c r="B51" s="21">
        <v>40227</v>
      </c>
      <c r="C51" s="6">
        <v>13825267</v>
      </c>
    </row>
    <row r="52" spans="2:3" x14ac:dyDescent="0.25">
      <c r="B52" s="21">
        <v>40228</v>
      </c>
      <c r="C52" s="6">
        <v>13481532</v>
      </c>
    </row>
    <row r="53" spans="2:3" x14ac:dyDescent="0.25">
      <c r="B53" s="21">
        <v>40229</v>
      </c>
      <c r="C53" s="6">
        <v>11742802</v>
      </c>
    </row>
    <row r="54" spans="2:3" x14ac:dyDescent="0.25">
      <c r="B54" s="21">
        <v>40230</v>
      </c>
      <c r="C54" s="6">
        <v>11406111</v>
      </c>
    </row>
    <row r="55" spans="2:3" x14ac:dyDescent="0.25">
      <c r="B55" s="21">
        <v>40231</v>
      </c>
      <c r="C55" s="6">
        <v>13169461</v>
      </c>
    </row>
    <row r="56" spans="2:3" x14ac:dyDescent="0.25">
      <c r="B56" s="21">
        <v>40232</v>
      </c>
      <c r="C56" s="6">
        <v>13147172</v>
      </c>
    </row>
    <row r="57" spans="2:3" x14ac:dyDescent="0.25">
      <c r="B57" s="21">
        <v>40233</v>
      </c>
      <c r="C57" s="6">
        <v>13031005</v>
      </c>
    </row>
    <row r="58" spans="2:3" x14ac:dyDescent="0.25">
      <c r="B58" s="21">
        <v>40234</v>
      </c>
      <c r="C58" s="6">
        <v>12746272</v>
      </c>
    </row>
    <row r="59" spans="2:3" x14ac:dyDescent="0.25">
      <c r="B59" s="21">
        <v>40235</v>
      </c>
      <c r="C59" s="6">
        <v>12638690</v>
      </c>
    </row>
    <row r="60" spans="2:3" x14ac:dyDescent="0.25">
      <c r="B60" s="21">
        <v>40236</v>
      </c>
      <c r="C60" s="6">
        <v>10791000</v>
      </c>
    </row>
    <row r="61" spans="2:3" x14ac:dyDescent="0.25">
      <c r="B61" s="21">
        <v>40237</v>
      </c>
      <c r="C61" s="6">
        <v>10587705</v>
      </c>
    </row>
    <row r="62" spans="2:3" x14ac:dyDescent="0.25">
      <c r="B62" s="21">
        <v>40238</v>
      </c>
      <c r="C62" s="6">
        <v>12420218</v>
      </c>
    </row>
    <row r="63" spans="2:3" x14ac:dyDescent="0.25">
      <c r="B63" s="21">
        <v>40239</v>
      </c>
      <c r="C63" s="6">
        <v>12735402</v>
      </c>
    </row>
    <row r="64" spans="2:3" x14ac:dyDescent="0.25">
      <c r="B64" s="21">
        <v>40240</v>
      </c>
      <c r="C64" s="6">
        <v>12936701</v>
      </c>
    </row>
    <row r="65" spans="2:3" x14ac:dyDescent="0.25">
      <c r="B65" s="21">
        <v>40241</v>
      </c>
      <c r="C65" s="6">
        <v>13074317</v>
      </c>
    </row>
    <row r="66" spans="2:3" x14ac:dyDescent="0.25">
      <c r="B66" s="21">
        <v>40242</v>
      </c>
      <c r="C66" s="6">
        <v>13222187</v>
      </c>
    </row>
    <row r="67" spans="2:3" x14ac:dyDescent="0.25">
      <c r="B67" s="21">
        <v>40243</v>
      </c>
      <c r="C67" s="6">
        <v>11844270</v>
      </c>
    </row>
    <row r="68" spans="2:3" x14ac:dyDescent="0.25">
      <c r="B68" s="21">
        <v>40244</v>
      </c>
      <c r="C68" s="6">
        <v>11531114</v>
      </c>
    </row>
    <row r="69" spans="2:3" x14ac:dyDescent="0.25">
      <c r="B69" s="21">
        <v>40245</v>
      </c>
      <c r="C69" s="6">
        <v>13481484</v>
      </c>
    </row>
    <row r="70" spans="2:3" x14ac:dyDescent="0.25">
      <c r="B70" s="21">
        <v>40246</v>
      </c>
      <c r="C70" s="6">
        <v>13743103</v>
      </c>
    </row>
    <row r="71" spans="2:3" x14ac:dyDescent="0.25">
      <c r="B71" s="21">
        <v>40247</v>
      </c>
      <c r="C71" s="6">
        <v>13697128</v>
      </c>
    </row>
    <row r="72" spans="2:3" x14ac:dyDescent="0.25">
      <c r="B72" s="21">
        <v>40248</v>
      </c>
      <c r="C72" s="6">
        <v>13638446</v>
      </c>
    </row>
    <row r="73" spans="2:3" x14ac:dyDescent="0.25">
      <c r="B73" s="21">
        <v>40249</v>
      </c>
      <c r="C73" s="6">
        <v>13449326</v>
      </c>
    </row>
    <row r="74" spans="2:3" x14ac:dyDescent="0.25">
      <c r="B74" s="21">
        <v>40250</v>
      </c>
      <c r="C74" s="6">
        <v>11820536</v>
      </c>
    </row>
    <row r="75" spans="2:3" x14ac:dyDescent="0.25">
      <c r="B75" s="21">
        <v>40251</v>
      </c>
      <c r="C75" s="6">
        <v>11352511</v>
      </c>
    </row>
    <row r="76" spans="2:3" x14ac:dyDescent="0.25">
      <c r="B76" s="21">
        <v>40252</v>
      </c>
      <c r="C76" s="6">
        <v>13145746</v>
      </c>
    </row>
    <row r="77" spans="2:3" x14ac:dyDescent="0.25">
      <c r="B77" s="21">
        <v>40253</v>
      </c>
      <c r="C77" s="6">
        <v>13247982</v>
      </c>
    </row>
    <row r="78" spans="2:3" x14ac:dyDescent="0.25">
      <c r="B78" s="21">
        <v>40254</v>
      </c>
      <c r="C78" s="6">
        <v>13114266</v>
      </c>
    </row>
    <row r="79" spans="2:3" x14ac:dyDescent="0.25">
      <c r="B79" s="21">
        <v>40255</v>
      </c>
      <c r="C79" s="6">
        <v>12675246</v>
      </c>
    </row>
    <row r="80" spans="2:3" x14ac:dyDescent="0.25">
      <c r="B80" s="21">
        <v>40256</v>
      </c>
      <c r="C80" s="6">
        <v>12245861</v>
      </c>
    </row>
    <row r="81" spans="2:3" x14ac:dyDescent="0.25">
      <c r="B81" s="21">
        <v>40257</v>
      </c>
      <c r="C81" s="6">
        <v>10693023</v>
      </c>
    </row>
    <row r="82" spans="2:3" x14ac:dyDescent="0.25">
      <c r="B82" s="21">
        <v>40258</v>
      </c>
      <c r="C82" s="6">
        <v>10193510</v>
      </c>
    </row>
    <row r="83" spans="2:3" x14ac:dyDescent="0.25">
      <c r="B83" s="21">
        <v>40259</v>
      </c>
      <c r="C83" s="6">
        <v>11843107</v>
      </c>
    </row>
    <row r="84" spans="2:3" x14ac:dyDescent="0.25">
      <c r="B84" s="21">
        <v>40260</v>
      </c>
      <c r="C84" s="6">
        <v>11898174</v>
      </c>
    </row>
    <row r="85" spans="2:3" x14ac:dyDescent="0.25">
      <c r="B85" s="21">
        <v>40261</v>
      </c>
      <c r="C85" s="6">
        <v>11848491</v>
      </c>
    </row>
    <row r="86" spans="2:3" x14ac:dyDescent="0.25">
      <c r="B86" s="21">
        <v>40262</v>
      </c>
      <c r="C86" s="6">
        <v>11714375</v>
      </c>
    </row>
    <row r="87" spans="2:3" x14ac:dyDescent="0.25">
      <c r="B87" s="21">
        <v>40263</v>
      </c>
      <c r="C87" s="6">
        <v>11367886</v>
      </c>
    </row>
    <row r="88" spans="2:3" x14ac:dyDescent="0.25">
      <c r="B88" s="21">
        <v>40264</v>
      </c>
      <c r="C88" s="6">
        <v>10132655</v>
      </c>
    </row>
    <row r="89" spans="2:3" x14ac:dyDescent="0.25">
      <c r="B89" s="21">
        <v>40265</v>
      </c>
      <c r="C89" s="6">
        <v>9524266</v>
      </c>
    </row>
    <row r="90" spans="2:3" x14ac:dyDescent="0.25">
      <c r="B90" s="21">
        <v>40266</v>
      </c>
      <c r="C90" s="6">
        <v>11779574</v>
      </c>
    </row>
    <row r="91" spans="2:3" x14ac:dyDescent="0.25">
      <c r="B91" s="21">
        <v>40267</v>
      </c>
      <c r="C91" s="6">
        <v>11671224</v>
      </c>
    </row>
    <row r="92" spans="2:3" x14ac:dyDescent="0.25">
      <c r="B92" s="21">
        <v>40268</v>
      </c>
      <c r="C92" s="6">
        <v>11921583</v>
      </c>
    </row>
    <row r="93" spans="2:3" x14ac:dyDescent="0.25">
      <c r="B93" s="21">
        <v>40269</v>
      </c>
      <c r="C93" s="6">
        <v>11945580</v>
      </c>
    </row>
    <row r="94" spans="2:3" x14ac:dyDescent="0.25">
      <c r="B94" s="21">
        <v>40270</v>
      </c>
      <c r="C94" s="6">
        <v>11831525</v>
      </c>
    </row>
    <row r="95" spans="2:3" x14ac:dyDescent="0.25">
      <c r="B95" s="21">
        <v>40271</v>
      </c>
      <c r="C95" s="6">
        <v>10216484</v>
      </c>
    </row>
    <row r="96" spans="2:3" x14ac:dyDescent="0.25">
      <c r="B96" s="21">
        <v>40272</v>
      </c>
      <c r="C96" s="6">
        <v>9571070</v>
      </c>
    </row>
    <row r="97" spans="2:3" x14ac:dyDescent="0.25">
      <c r="B97" s="21">
        <v>40273</v>
      </c>
      <c r="C97" s="6">
        <v>9394458</v>
      </c>
    </row>
    <row r="98" spans="2:3" x14ac:dyDescent="0.25">
      <c r="B98" s="21">
        <v>40274</v>
      </c>
      <c r="C98" s="6">
        <v>11569334</v>
      </c>
    </row>
    <row r="99" spans="2:3" x14ac:dyDescent="0.25">
      <c r="B99" s="21">
        <v>40275</v>
      </c>
      <c r="C99" s="6">
        <v>11654549</v>
      </c>
    </row>
    <row r="100" spans="2:3" x14ac:dyDescent="0.25">
      <c r="B100" s="21">
        <v>40276</v>
      </c>
      <c r="C100" s="6">
        <v>11492682</v>
      </c>
    </row>
    <row r="101" spans="2:3" x14ac:dyDescent="0.25">
      <c r="B101" s="21">
        <v>40277</v>
      </c>
      <c r="C101" s="6">
        <v>11631340</v>
      </c>
    </row>
    <row r="102" spans="2:3" x14ac:dyDescent="0.25">
      <c r="B102" s="21">
        <v>40278</v>
      </c>
      <c r="C102" s="6">
        <v>10258927</v>
      </c>
    </row>
    <row r="103" spans="2:3" x14ac:dyDescent="0.25">
      <c r="B103" s="21">
        <v>40279</v>
      </c>
      <c r="C103" s="6">
        <v>9989173</v>
      </c>
    </row>
    <row r="104" spans="2:3" x14ac:dyDescent="0.25">
      <c r="B104" s="21">
        <v>40280</v>
      </c>
      <c r="C104" s="6">
        <v>11935555</v>
      </c>
    </row>
    <row r="105" spans="2:3" x14ac:dyDescent="0.25">
      <c r="B105" s="21">
        <v>40281</v>
      </c>
      <c r="C105" s="6">
        <v>11964602</v>
      </c>
    </row>
    <row r="106" spans="2:3" x14ac:dyDescent="0.25">
      <c r="B106" s="21">
        <v>40282</v>
      </c>
      <c r="C106" s="6">
        <v>11965803</v>
      </c>
    </row>
    <row r="107" spans="2:3" x14ac:dyDescent="0.25">
      <c r="B107" s="21">
        <v>40283</v>
      </c>
      <c r="C107" s="6">
        <v>12045925</v>
      </c>
    </row>
    <row r="108" spans="2:3" x14ac:dyDescent="0.25">
      <c r="B108" s="21">
        <v>40284</v>
      </c>
      <c r="C108" s="6">
        <v>11479298</v>
      </c>
    </row>
    <row r="109" spans="2:3" x14ac:dyDescent="0.25">
      <c r="B109" s="21">
        <v>40285</v>
      </c>
      <c r="C109" s="6">
        <v>9952816</v>
      </c>
    </row>
    <row r="110" spans="2:3" x14ac:dyDescent="0.25">
      <c r="B110" s="21">
        <v>40286</v>
      </c>
      <c r="C110" s="6">
        <v>9574522</v>
      </c>
    </row>
    <row r="111" spans="2:3" x14ac:dyDescent="0.25">
      <c r="B111" s="21">
        <v>40287</v>
      </c>
      <c r="C111" s="6">
        <v>11184728</v>
      </c>
    </row>
    <row r="112" spans="2:3" x14ac:dyDescent="0.25">
      <c r="B112" s="21">
        <v>40288</v>
      </c>
      <c r="C112" s="6">
        <v>11263794</v>
      </c>
    </row>
    <row r="113" spans="2:3" x14ac:dyDescent="0.25">
      <c r="B113" s="21">
        <v>40289</v>
      </c>
      <c r="C113" s="6">
        <v>11492637</v>
      </c>
    </row>
    <row r="114" spans="2:3" x14ac:dyDescent="0.25">
      <c r="B114" s="21">
        <v>40290</v>
      </c>
      <c r="C114" s="6">
        <v>11546175</v>
      </c>
    </row>
    <row r="115" spans="2:3" x14ac:dyDescent="0.25">
      <c r="B115" s="21">
        <v>40291</v>
      </c>
      <c r="C115" s="6">
        <v>11234892</v>
      </c>
    </row>
    <row r="116" spans="2:3" x14ac:dyDescent="0.25">
      <c r="B116" s="21">
        <v>40292</v>
      </c>
      <c r="C116" s="6">
        <v>9672712</v>
      </c>
    </row>
    <row r="117" spans="2:3" x14ac:dyDescent="0.25">
      <c r="B117" s="21">
        <v>40293</v>
      </c>
      <c r="C117" s="6">
        <v>9194036</v>
      </c>
    </row>
    <row r="118" spans="2:3" x14ac:dyDescent="0.25">
      <c r="B118" s="21">
        <v>40294</v>
      </c>
      <c r="C118" s="6">
        <v>10946601</v>
      </c>
    </row>
    <row r="119" spans="2:3" x14ac:dyDescent="0.25">
      <c r="B119" s="21">
        <v>40295</v>
      </c>
      <c r="C119" s="6">
        <v>10983976</v>
      </c>
    </row>
    <row r="120" spans="2:3" x14ac:dyDescent="0.25">
      <c r="B120" s="21">
        <v>40296</v>
      </c>
      <c r="C120" s="6">
        <v>11037064</v>
      </c>
    </row>
    <row r="121" spans="2:3" x14ac:dyDescent="0.25">
      <c r="B121" s="21">
        <v>40297</v>
      </c>
      <c r="C121" s="6">
        <v>11033926</v>
      </c>
    </row>
    <row r="122" spans="2:3" x14ac:dyDescent="0.25">
      <c r="B122" s="21">
        <v>40298</v>
      </c>
      <c r="C122" s="6">
        <v>10618054</v>
      </c>
    </row>
    <row r="123" spans="2:3" x14ac:dyDescent="0.25">
      <c r="B123" s="21">
        <v>40299</v>
      </c>
      <c r="C123" s="6">
        <v>8893399</v>
      </c>
    </row>
    <row r="124" spans="2:3" x14ac:dyDescent="0.25">
      <c r="B124" s="21">
        <v>40300</v>
      </c>
      <c r="C124" s="6">
        <v>8972887</v>
      </c>
    </row>
    <row r="125" spans="2:3" x14ac:dyDescent="0.25">
      <c r="B125" s="21">
        <v>40301</v>
      </c>
      <c r="C125" s="6">
        <v>10842385</v>
      </c>
    </row>
    <row r="126" spans="2:3" x14ac:dyDescent="0.25">
      <c r="B126" s="21">
        <v>40302</v>
      </c>
      <c r="C126" s="6">
        <v>11046889</v>
      </c>
    </row>
    <row r="127" spans="2:3" x14ac:dyDescent="0.25">
      <c r="B127" s="21">
        <v>40303</v>
      </c>
      <c r="C127" s="6">
        <v>11319040</v>
      </c>
    </row>
    <row r="128" spans="2:3" x14ac:dyDescent="0.25">
      <c r="B128" s="21">
        <v>40304</v>
      </c>
      <c r="C128" s="6">
        <v>11413194</v>
      </c>
    </row>
    <row r="129" spans="2:3" x14ac:dyDescent="0.25">
      <c r="B129" s="21">
        <v>40305</v>
      </c>
      <c r="C129" s="6">
        <v>10888837</v>
      </c>
    </row>
    <row r="130" spans="2:3" x14ac:dyDescent="0.25">
      <c r="B130" s="21">
        <v>40306</v>
      </c>
      <c r="C130" s="6">
        <v>9164914</v>
      </c>
    </row>
    <row r="131" spans="2:3" x14ac:dyDescent="0.25">
      <c r="B131" s="21">
        <v>40307</v>
      </c>
      <c r="C131" s="6">
        <v>9054450</v>
      </c>
    </row>
    <row r="132" spans="2:3" x14ac:dyDescent="0.25">
      <c r="B132" s="21">
        <v>40308</v>
      </c>
      <c r="C132" s="6">
        <v>10961676</v>
      </c>
    </row>
    <row r="133" spans="2:3" x14ac:dyDescent="0.25">
      <c r="B133" s="21">
        <v>40309</v>
      </c>
      <c r="C133" s="6">
        <v>10965997</v>
      </c>
    </row>
    <row r="134" spans="2:3" x14ac:dyDescent="0.25">
      <c r="B134" s="21">
        <v>40310</v>
      </c>
      <c r="C134" s="6">
        <v>10859112</v>
      </c>
    </row>
    <row r="135" spans="2:3" x14ac:dyDescent="0.25">
      <c r="B135" s="21">
        <v>40311</v>
      </c>
      <c r="C135" s="6">
        <v>10976415</v>
      </c>
    </row>
    <row r="136" spans="2:3" x14ac:dyDescent="0.25">
      <c r="B136" s="21">
        <v>40312</v>
      </c>
      <c r="C136" s="6">
        <v>11050927</v>
      </c>
    </row>
    <row r="137" spans="2:3" x14ac:dyDescent="0.25">
      <c r="B137" s="21">
        <v>40313</v>
      </c>
      <c r="C137" s="6">
        <v>9589361</v>
      </c>
    </row>
    <row r="138" spans="2:3" x14ac:dyDescent="0.25">
      <c r="B138" s="21">
        <v>40314</v>
      </c>
      <c r="C138" s="6">
        <v>9318665</v>
      </c>
    </row>
    <row r="139" spans="2:3" x14ac:dyDescent="0.25">
      <c r="B139" s="21">
        <v>40315</v>
      </c>
      <c r="C139" s="6">
        <v>11052520</v>
      </c>
    </row>
    <row r="140" spans="2:3" x14ac:dyDescent="0.25">
      <c r="B140" s="21">
        <v>40316</v>
      </c>
      <c r="C140" s="6">
        <v>11132060</v>
      </c>
    </row>
    <row r="141" spans="2:3" x14ac:dyDescent="0.25">
      <c r="B141" s="21">
        <v>40317</v>
      </c>
      <c r="C141" s="6">
        <v>11451947</v>
      </c>
    </row>
    <row r="142" spans="2:3" x14ac:dyDescent="0.25">
      <c r="B142" s="21">
        <v>40318</v>
      </c>
      <c r="C142" s="6">
        <v>11260084</v>
      </c>
    </row>
    <row r="143" spans="2:3" x14ac:dyDescent="0.25">
      <c r="B143" s="21">
        <v>40319</v>
      </c>
      <c r="C143" s="6">
        <v>10848875</v>
      </c>
    </row>
    <row r="144" spans="2:3" x14ac:dyDescent="0.25">
      <c r="B144" s="21">
        <v>40320</v>
      </c>
      <c r="C144" s="6">
        <v>9219578</v>
      </c>
    </row>
    <row r="145" spans="2:3" x14ac:dyDescent="0.25">
      <c r="B145" s="21">
        <v>40321</v>
      </c>
      <c r="C145" s="6">
        <v>8873450</v>
      </c>
    </row>
    <row r="146" spans="2:3" x14ac:dyDescent="0.25">
      <c r="B146" s="21">
        <v>40322</v>
      </c>
      <c r="C146" s="6">
        <v>10571585</v>
      </c>
    </row>
    <row r="147" spans="2:3" x14ac:dyDescent="0.25">
      <c r="B147" s="21">
        <v>40323</v>
      </c>
      <c r="C147" s="6">
        <v>10680632</v>
      </c>
    </row>
    <row r="148" spans="2:3" x14ac:dyDescent="0.25">
      <c r="B148" s="21">
        <v>40324</v>
      </c>
      <c r="C148" s="6">
        <v>10845015</v>
      </c>
    </row>
    <row r="149" spans="2:3" x14ac:dyDescent="0.25">
      <c r="B149" s="21">
        <v>40325</v>
      </c>
      <c r="C149" s="6">
        <v>10773618</v>
      </c>
    </row>
    <row r="150" spans="2:3" x14ac:dyDescent="0.25">
      <c r="B150" s="21">
        <v>40326</v>
      </c>
      <c r="C150" s="6">
        <v>10467708</v>
      </c>
    </row>
    <row r="151" spans="2:3" x14ac:dyDescent="0.25">
      <c r="B151" s="21">
        <v>40327</v>
      </c>
      <c r="C151" s="6">
        <v>8980736</v>
      </c>
    </row>
    <row r="152" spans="2:3" x14ac:dyDescent="0.25">
      <c r="B152" s="21">
        <v>40328</v>
      </c>
      <c r="C152" s="6">
        <v>8799685</v>
      </c>
    </row>
    <row r="153" spans="2:3" x14ac:dyDescent="0.25">
      <c r="B153" s="21">
        <v>40329</v>
      </c>
      <c r="C153" s="6">
        <v>10642659</v>
      </c>
    </row>
    <row r="154" spans="2:3" x14ac:dyDescent="0.25">
      <c r="B154" s="21">
        <v>40330</v>
      </c>
      <c r="C154" s="6">
        <v>11044014</v>
      </c>
    </row>
    <row r="155" spans="2:3" x14ac:dyDescent="0.25">
      <c r="B155" s="21">
        <v>40331</v>
      </c>
      <c r="C155" s="6">
        <v>11263192</v>
      </c>
    </row>
    <row r="156" spans="2:3" x14ac:dyDescent="0.25">
      <c r="B156" s="21">
        <v>40332</v>
      </c>
      <c r="C156" s="6">
        <v>11159412</v>
      </c>
    </row>
    <row r="157" spans="2:3" x14ac:dyDescent="0.25">
      <c r="B157" s="21">
        <v>40333</v>
      </c>
      <c r="C157" s="6">
        <v>10614670</v>
      </c>
    </row>
    <row r="158" spans="2:3" x14ac:dyDescent="0.25">
      <c r="B158" s="21">
        <v>40334</v>
      </c>
      <c r="C158" s="6">
        <v>8959767</v>
      </c>
    </row>
    <row r="159" spans="2:3" x14ac:dyDescent="0.25">
      <c r="B159" s="21">
        <v>40335</v>
      </c>
      <c r="C159" s="6">
        <v>8674632</v>
      </c>
    </row>
    <row r="160" spans="2:3" x14ac:dyDescent="0.25">
      <c r="B160" s="21">
        <v>40336</v>
      </c>
      <c r="C160" s="6">
        <v>10382944</v>
      </c>
    </row>
    <row r="161" spans="2:3" x14ac:dyDescent="0.25">
      <c r="B161" s="21">
        <v>40337</v>
      </c>
      <c r="C161" s="6">
        <v>10486897</v>
      </c>
    </row>
    <row r="162" spans="2:3" x14ac:dyDescent="0.25">
      <c r="B162" s="21">
        <v>40338</v>
      </c>
      <c r="C162" s="6">
        <v>10669277</v>
      </c>
    </row>
    <row r="163" spans="2:3" x14ac:dyDescent="0.25">
      <c r="B163" s="21">
        <v>40339</v>
      </c>
      <c r="C163" s="6">
        <v>10717428</v>
      </c>
    </row>
    <row r="164" spans="2:3" x14ac:dyDescent="0.25">
      <c r="B164" s="21">
        <v>40340</v>
      </c>
      <c r="C164" s="6">
        <v>10409373</v>
      </c>
    </row>
    <row r="165" spans="2:3" x14ac:dyDescent="0.25">
      <c r="B165" s="21">
        <v>40341</v>
      </c>
      <c r="C165" s="6">
        <v>9000024</v>
      </c>
    </row>
    <row r="166" spans="2:3" x14ac:dyDescent="0.25">
      <c r="B166" s="21">
        <v>40342</v>
      </c>
      <c r="C166" s="6">
        <v>8504220</v>
      </c>
    </row>
    <row r="167" spans="2:3" x14ac:dyDescent="0.25">
      <c r="B167" s="21">
        <v>40343</v>
      </c>
      <c r="C167" s="6">
        <v>10372234</v>
      </c>
    </row>
    <row r="168" spans="2:3" x14ac:dyDescent="0.25">
      <c r="B168" s="21">
        <v>40344</v>
      </c>
      <c r="C168" s="6">
        <v>10447503</v>
      </c>
    </row>
    <row r="169" spans="2:3" x14ac:dyDescent="0.25">
      <c r="B169" s="21">
        <v>40345</v>
      </c>
      <c r="C169" s="6">
        <v>10398336</v>
      </c>
    </row>
    <row r="170" spans="2:3" x14ac:dyDescent="0.25">
      <c r="B170" s="21">
        <v>40346</v>
      </c>
      <c r="C170" s="6">
        <v>10374566</v>
      </c>
    </row>
    <row r="171" spans="2:3" x14ac:dyDescent="0.25">
      <c r="B171" s="21">
        <v>40347</v>
      </c>
      <c r="C171" s="6">
        <v>10344399</v>
      </c>
    </row>
    <row r="172" spans="2:3" x14ac:dyDescent="0.25">
      <c r="B172" s="21">
        <v>40348</v>
      </c>
      <c r="C172" s="6">
        <v>8772925</v>
      </c>
    </row>
    <row r="173" spans="2:3" x14ac:dyDescent="0.25">
      <c r="B173" s="21">
        <v>40349</v>
      </c>
      <c r="C173" s="6">
        <v>8617400</v>
      </c>
    </row>
    <row r="174" spans="2:3" x14ac:dyDescent="0.25">
      <c r="B174" s="21">
        <v>40350</v>
      </c>
      <c r="C174" s="6">
        <v>10402352</v>
      </c>
    </row>
    <row r="175" spans="2:3" x14ac:dyDescent="0.25">
      <c r="B175" s="21">
        <v>40351</v>
      </c>
      <c r="C175" s="6">
        <v>10481009</v>
      </c>
    </row>
    <row r="176" spans="2:3" x14ac:dyDescent="0.25">
      <c r="B176" s="21">
        <v>40352</v>
      </c>
      <c r="C176" s="6">
        <v>10530959</v>
      </c>
    </row>
    <row r="177" spans="2:3" x14ac:dyDescent="0.25">
      <c r="B177" s="21">
        <v>40353</v>
      </c>
      <c r="C177" s="6">
        <v>10539884</v>
      </c>
    </row>
    <row r="178" spans="2:3" x14ac:dyDescent="0.25">
      <c r="B178" s="21">
        <v>40354</v>
      </c>
      <c r="C178" s="6">
        <v>10445702</v>
      </c>
    </row>
    <row r="179" spans="2:3" x14ac:dyDescent="0.25">
      <c r="B179" s="21">
        <v>40355</v>
      </c>
      <c r="C179" s="6">
        <v>8978217</v>
      </c>
    </row>
    <row r="180" spans="2:3" x14ac:dyDescent="0.25">
      <c r="B180" s="21">
        <v>40356</v>
      </c>
      <c r="C180" s="6">
        <v>8728489</v>
      </c>
    </row>
    <row r="181" spans="2:3" x14ac:dyDescent="0.25">
      <c r="B181" s="21">
        <v>40357</v>
      </c>
      <c r="C181" s="6">
        <v>10490763</v>
      </c>
    </row>
    <row r="182" spans="2:3" x14ac:dyDescent="0.25">
      <c r="B182" s="21">
        <v>40358</v>
      </c>
      <c r="C182" s="6">
        <v>10702230</v>
      </c>
    </row>
    <row r="183" spans="2:3" x14ac:dyDescent="0.25">
      <c r="B183" s="21">
        <v>40359</v>
      </c>
      <c r="C183" s="6">
        <v>10720549</v>
      </c>
    </row>
    <row r="184" spans="2:3" x14ac:dyDescent="0.25">
      <c r="B184" s="21">
        <v>40360</v>
      </c>
      <c r="C184" s="6">
        <v>10723063</v>
      </c>
    </row>
    <row r="185" spans="2:3" x14ac:dyDescent="0.25">
      <c r="B185" s="21">
        <v>40361</v>
      </c>
      <c r="C185" s="6">
        <v>10543392</v>
      </c>
    </row>
    <row r="186" spans="2:3" x14ac:dyDescent="0.25">
      <c r="B186" s="21">
        <v>40362</v>
      </c>
      <c r="C186" s="6">
        <v>9033652</v>
      </c>
    </row>
    <row r="187" spans="2:3" x14ac:dyDescent="0.25">
      <c r="B187" s="21">
        <v>40363</v>
      </c>
      <c r="C187" s="6">
        <v>8537857</v>
      </c>
    </row>
    <row r="188" spans="2:3" x14ac:dyDescent="0.25">
      <c r="B188" s="21">
        <v>40364</v>
      </c>
      <c r="C188" s="6">
        <v>8497855</v>
      </c>
    </row>
    <row r="189" spans="2:3" x14ac:dyDescent="0.25">
      <c r="B189" s="21">
        <v>40365</v>
      </c>
      <c r="C189" s="6">
        <v>8605086</v>
      </c>
    </row>
    <row r="190" spans="2:3" x14ac:dyDescent="0.25">
      <c r="B190" s="21">
        <v>40366</v>
      </c>
      <c r="C190" s="6">
        <v>9910851</v>
      </c>
    </row>
    <row r="191" spans="2:3" x14ac:dyDescent="0.25">
      <c r="B191" s="21">
        <v>40367</v>
      </c>
      <c r="C191" s="6">
        <v>10150048</v>
      </c>
    </row>
    <row r="192" spans="2:3" x14ac:dyDescent="0.25">
      <c r="B192" s="21">
        <v>40368</v>
      </c>
      <c r="C192" s="6">
        <v>10211097</v>
      </c>
    </row>
    <row r="193" spans="2:3" x14ac:dyDescent="0.25">
      <c r="B193" s="21">
        <v>40369</v>
      </c>
      <c r="C193" s="6">
        <v>8961680</v>
      </c>
    </row>
    <row r="194" spans="2:3" x14ac:dyDescent="0.25">
      <c r="B194" s="21">
        <v>40370</v>
      </c>
      <c r="C194" s="6">
        <v>8800042</v>
      </c>
    </row>
    <row r="195" spans="2:3" x14ac:dyDescent="0.25">
      <c r="B195" s="21">
        <v>40371</v>
      </c>
      <c r="C195" s="6">
        <v>10504308</v>
      </c>
    </row>
    <row r="196" spans="2:3" x14ac:dyDescent="0.25">
      <c r="B196" s="21">
        <v>40372</v>
      </c>
      <c r="C196" s="6">
        <v>10730680</v>
      </c>
    </row>
    <row r="197" spans="2:3" x14ac:dyDescent="0.25">
      <c r="B197" s="21">
        <v>40373</v>
      </c>
      <c r="C197" s="6">
        <v>10895254</v>
      </c>
    </row>
    <row r="198" spans="2:3" x14ac:dyDescent="0.25">
      <c r="B198" s="21">
        <v>40374</v>
      </c>
      <c r="C198" s="6">
        <v>10932218</v>
      </c>
    </row>
    <row r="199" spans="2:3" x14ac:dyDescent="0.25">
      <c r="B199" s="21">
        <v>40375</v>
      </c>
      <c r="C199" s="6">
        <v>10646806</v>
      </c>
    </row>
    <row r="200" spans="2:3" x14ac:dyDescent="0.25">
      <c r="B200" s="21">
        <v>40376</v>
      </c>
      <c r="C200" s="6">
        <v>9155736</v>
      </c>
    </row>
    <row r="201" spans="2:3" x14ac:dyDescent="0.25">
      <c r="B201" s="21">
        <v>40377</v>
      </c>
      <c r="C201" s="6">
        <v>8491905</v>
      </c>
    </row>
    <row r="202" spans="2:3" x14ac:dyDescent="0.25">
      <c r="B202" s="21">
        <v>40378</v>
      </c>
      <c r="C202" s="6">
        <v>9948936</v>
      </c>
    </row>
    <row r="203" spans="2:3" x14ac:dyDescent="0.25">
      <c r="B203" s="21">
        <v>40379</v>
      </c>
      <c r="C203" s="6">
        <v>10264464</v>
      </c>
    </row>
    <row r="204" spans="2:3" x14ac:dyDescent="0.25">
      <c r="B204" s="21">
        <v>40380</v>
      </c>
      <c r="C204" s="6">
        <v>10533560</v>
      </c>
    </row>
    <row r="205" spans="2:3" x14ac:dyDescent="0.25">
      <c r="B205" s="21">
        <v>40381</v>
      </c>
      <c r="C205" s="6">
        <v>10648014</v>
      </c>
    </row>
    <row r="206" spans="2:3" x14ac:dyDescent="0.25">
      <c r="B206" s="21">
        <v>40382</v>
      </c>
      <c r="C206" s="6">
        <v>10333533</v>
      </c>
    </row>
    <row r="207" spans="2:3" x14ac:dyDescent="0.25">
      <c r="B207" s="21">
        <v>40383</v>
      </c>
      <c r="C207" s="6">
        <v>8754131</v>
      </c>
    </row>
    <row r="208" spans="2:3" x14ac:dyDescent="0.25">
      <c r="B208" s="21">
        <v>40384</v>
      </c>
      <c r="C208" s="6">
        <v>8304753</v>
      </c>
    </row>
    <row r="209" spans="2:3" x14ac:dyDescent="0.25">
      <c r="B209" s="21">
        <v>40385</v>
      </c>
      <c r="C209" s="6">
        <v>9743195</v>
      </c>
    </row>
    <row r="210" spans="2:3" x14ac:dyDescent="0.25">
      <c r="B210" s="21">
        <v>40386</v>
      </c>
      <c r="C210" s="6">
        <v>9976208</v>
      </c>
    </row>
    <row r="211" spans="2:3" x14ac:dyDescent="0.25">
      <c r="B211" s="21">
        <v>40387</v>
      </c>
      <c r="C211" s="6">
        <v>10009812</v>
      </c>
    </row>
    <row r="212" spans="2:3" x14ac:dyDescent="0.25">
      <c r="B212" s="21">
        <v>40388</v>
      </c>
      <c r="C212" s="6">
        <v>10039674</v>
      </c>
    </row>
    <row r="213" spans="2:3" x14ac:dyDescent="0.25">
      <c r="B213" s="21">
        <v>40389</v>
      </c>
      <c r="C213" s="6">
        <v>9761174</v>
      </c>
    </row>
    <row r="214" spans="2:3" x14ac:dyDescent="0.25">
      <c r="B214" s="21">
        <v>40390</v>
      </c>
      <c r="C214" s="6">
        <v>8432871</v>
      </c>
    </row>
    <row r="215" spans="2:3" x14ac:dyDescent="0.25">
      <c r="B215" s="21">
        <v>40391</v>
      </c>
      <c r="C215" s="6">
        <v>8176399</v>
      </c>
    </row>
    <row r="216" spans="2:3" x14ac:dyDescent="0.25">
      <c r="B216" s="21">
        <v>40392</v>
      </c>
      <c r="C216" s="6">
        <v>9768507</v>
      </c>
    </row>
    <row r="217" spans="2:3" x14ac:dyDescent="0.25">
      <c r="B217" s="21">
        <v>40393</v>
      </c>
      <c r="C217" s="6">
        <v>9955165</v>
      </c>
    </row>
    <row r="218" spans="2:3" x14ac:dyDescent="0.25">
      <c r="B218" s="21">
        <v>40394</v>
      </c>
      <c r="C218" s="6">
        <v>9801789</v>
      </c>
    </row>
    <row r="219" spans="2:3" x14ac:dyDescent="0.25">
      <c r="B219" s="21">
        <v>40395</v>
      </c>
      <c r="C219" s="6">
        <v>9875407</v>
      </c>
    </row>
    <row r="220" spans="2:3" x14ac:dyDescent="0.25">
      <c r="B220" s="21">
        <v>40396</v>
      </c>
      <c r="C220" s="6">
        <v>9870839</v>
      </c>
    </row>
    <row r="221" spans="2:3" x14ac:dyDescent="0.25">
      <c r="B221" s="21">
        <v>40397</v>
      </c>
      <c r="C221" s="6">
        <v>8459414</v>
      </c>
    </row>
    <row r="222" spans="2:3" x14ac:dyDescent="0.25">
      <c r="B222" s="21">
        <v>40398</v>
      </c>
      <c r="C222" s="6">
        <v>8294323</v>
      </c>
    </row>
    <row r="223" spans="2:3" x14ac:dyDescent="0.25">
      <c r="B223" s="21">
        <v>40399</v>
      </c>
      <c r="C223" s="6">
        <v>9951686</v>
      </c>
    </row>
    <row r="224" spans="2:3" x14ac:dyDescent="0.25">
      <c r="B224" s="21">
        <v>40400</v>
      </c>
      <c r="C224" s="6">
        <v>10148322</v>
      </c>
    </row>
    <row r="225" spans="2:3" x14ac:dyDescent="0.25">
      <c r="B225" s="21">
        <v>40401</v>
      </c>
      <c r="C225" s="6">
        <v>10284207</v>
      </c>
    </row>
    <row r="226" spans="2:3" x14ac:dyDescent="0.25">
      <c r="B226" s="21">
        <v>40402</v>
      </c>
      <c r="C226" s="6">
        <v>10252939</v>
      </c>
    </row>
    <row r="227" spans="2:3" x14ac:dyDescent="0.25">
      <c r="B227" s="21">
        <v>40403</v>
      </c>
      <c r="C227" s="6">
        <v>10076863</v>
      </c>
    </row>
    <row r="228" spans="2:3" x14ac:dyDescent="0.25">
      <c r="B228" s="21">
        <v>40404</v>
      </c>
      <c r="C228" s="6">
        <v>8663384</v>
      </c>
    </row>
    <row r="229" spans="2:3" x14ac:dyDescent="0.25">
      <c r="B229" s="21">
        <v>40405</v>
      </c>
      <c r="C229" s="6">
        <v>8418618</v>
      </c>
    </row>
    <row r="230" spans="2:3" x14ac:dyDescent="0.25">
      <c r="B230" s="21">
        <v>40406</v>
      </c>
      <c r="C230" s="6">
        <v>9935727</v>
      </c>
    </row>
    <row r="231" spans="2:3" x14ac:dyDescent="0.25">
      <c r="B231" s="21">
        <v>40407</v>
      </c>
      <c r="C231" s="6">
        <v>10203057</v>
      </c>
    </row>
    <row r="232" spans="2:3" x14ac:dyDescent="0.25">
      <c r="B232" s="21">
        <v>40408</v>
      </c>
      <c r="C232" s="6">
        <v>10175818</v>
      </c>
    </row>
    <row r="233" spans="2:3" x14ac:dyDescent="0.25">
      <c r="B233" s="21">
        <v>40409</v>
      </c>
      <c r="C233" s="6">
        <v>10182175</v>
      </c>
    </row>
    <row r="234" spans="2:3" x14ac:dyDescent="0.25">
      <c r="B234" s="21">
        <v>40410</v>
      </c>
      <c r="C234" s="6">
        <v>10014667</v>
      </c>
    </row>
    <row r="235" spans="2:3" x14ac:dyDescent="0.25">
      <c r="B235" s="21">
        <v>40411</v>
      </c>
      <c r="C235" s="6">
        <v>8718952</v>
      </c>
    </row>
    <row r="236" spans="2:3" x14ac:dyDescent="0.25">
      <c r="B236" s="21">
        <v>40412</v>
      </c>
      <c r="C236" s="6">
        <v>8590715</v>
      </c>
    </row>
    <row r="237" spans="2:3" x14ac:dyDescent="0.25">
      <c r="B237" s="21">
        <v>40413</v>
      </c>
      <c r="C237" s="6">
        <v>10497761</v>
      </c>
    </row>
    <row r="238" spans="2:3" x14ac:dyDescent="0.25">
      <c r="B238" s="21">
        <v>40414</v>
      </c>
      <c r="C238" s="6">
        <v>10589169</v>
      </c>
    </row>
    <row r="239" spans="2:3" x14ac:dyDescent="0.25">
      <c r="B239" s="21">
        <v>40415</v>
      </c>
      <c r="C239" s="6">
        <v>10395793</v>
      </c>
    </row>
    <row r="240" spans="2:3" x14ac:dyDescent="0.25">
      <c r="B240" s="21">
        <v>40416</v>
      </c>
      <c r="C240" s="6">
        <v>10505393</v>
      </c>
    </row>
    <row r="241" spans="2:3" x14ac:dyDescent="0.25">
      <c r="B241" s="21">
        <v>40417</v>
      </c>
      <c r="C241" s="6">
        <v>10454692</v>
      </c>
    </row>
    <row r="242" spans="2:3" x14ac:dyDescent="0.25">
      <c r="B242" s="21">
        <v>40418</v>
      </c>
      <c r="C242" s="6">
        <v>8948499</v>
      </c>
    </row>
    <row r="243" spans="2:3" x14ac:dyDescent="0.25">
      <c r="B243" s="21">
        <v>40419</v>
      </c>
      <c r="C243" s="6">
        <v>8598767</v>
      </c>
    </row>
    <row r="244" spans="2:3" x14ac:dyDescent="0.25">
      <c r="B244" s="21">
        <v>40420</v>
      </c>
      <c r="C244" s="6">
        <v>10409182</v>
      </c>
    </row>
    <row r="245" spans="2:3" x14ac:dyDescent="0.25">
      <c r="B245" s="21">
        <v>40421</v>
      </c>
      <c r="C245" s="6">
        <v>10831657</v>
      </c>
    </row>
    <row r="246" spans="2:3" x14ac:dyDescent="0.25">
      <c r="B246" s="21">
        <v>40422</v>
      </c>
      <c r="C246" s="6">
        <v>10870009</v>
      </c>
    </row>
    <row r="247" spans="2:3" x14ac:dyDescent="0.25">
      <c r="B247" s="21">
        <v>40423</v>
      </c>
      <c r="C247" s="6">
        <v>10932889</v>
      </c>
    </row>
    <row r="248" spans="2:3" x14ac:dyDescent="0.25">
      <c r="B248" s="21">
        <v>40424</v>
      </c>
      <c r="C248" s="6">
        <v>10669031</v>
      </c>
    </row>
    <row r="249" spans="2:3" x14ac:dyDescent="0.25">
      <c r="B249" s="21">
        <v>40425</v>
      </c>
      <c r="C249" s="6">
        <v>9254290</v>
      </c>
    </row>
    <row r="250" spans="2:3" x14ac:dyDescent="0.25">
      <c r="B250" s="21">
        <v>40426</v>
      </c>
      <c r="C250" s="6">
        <v>9003819</v>
      </c>
    </row>
    <row r="251" spans="2:3" x14ac:dyDescent="0.25">
      <c r="B251" s="21">
        <v>40427</v>
      </c>
      <c r="C251" s="6">
        <v>10750695</v>
      </c>
    </row>
    <row r="252" spans="2:3" x14ac:dyDescent="0.25">
      <c r="B252" s="21">
        <v>40428</v>
      </c>
      <c r="C252" s="6">
        <v>10954471</v>
      </c>
    </row>
    <row r="253" spans="2:3" x14ac:dyDescent="0.25">
      <c r="B253" s="21">
        <v>40429</v>
      </c>
      <c r="C253" s="6">
        <v>11152116</v>
      </c>
    </row>
    <row r="254" spans="2:3" x14ac:dyDescent="0.25">
      <c r="B254" s="21">
        <v>40430</v>
      </c>
      <c r="C254" s="6">
        <v>11125001</v>
      </c>
    </row>
    <row r="255" spans="2:3" x14ac:dyDescent="0.25">
      <c r="B255" s="21">
        <v>40431</v>
      </c>
      <c r="C255" s="6">
        <v>10752612</v>
      </c>
    </row>
    <row r="256" spans="2:3" x14ac:dyDescent="0.25">
      <c r="B256" s="21">
        <v>40432</v>
      </c>
      <c r="C256" s="6">
        <v>9277593</v>
      </c>
    </row>
    <row r="257" spans="2:3" x14ac:dyDescent="0.25">
      <c r="B257" s="21">
        <v>40433</v>
      </c>
      <c r="C257" s="6">
        <v>8930890</v>
      </c>
    </row>
    <row r="258" spans="2:3" x14ac:dyDescent="0.25">
      <c r="B258" s="21">
        <v>40434</v>
      </c>
      <c r="C258" s="6">
        <v>10778433</v>
      </c>
    </row>
    <row r="259" spans="2:3" x14ac:dyDescent="0.25">
      <c r="B259" s="21">
        <v>40435</v>
      </c>
      <c r="C259" s="6">
        <v>11004922</v>
      </c>
    </row>
    <row r="260" spans="2:3" x14ac:dyDescent="0.25">
      <c r="B260" s="21">
        <v>40436</v>
      </c>
      <c r="C260" s="6">
        <v>11179834</v>
      </c>
    </row>
    <row r="261" spans="2:3" x14ac:dyDescent="0.25">
      <c r="B261" s="21">
        <v>40437</v>
      </c>
      <c r="C261" s="6">
        <v>11021641</v>
      </c>
    </row>
    <row r="262" spans="2:3" x14ac:dyDescent="0.25">
      <c r="B262" s="21">
        <v>40438</v>
      </c>
      <c r="C262" s="6">
        <v>10854191</v>
      </c>
    </row>
    <row r="263" spans="2:3" x14ac:dyDescent="0.25">
      <c r="B263" s="21">
        <v>40439</v>
      </c>
      <c r="C263" s="6">
        <v>9358025</v>
      </c>
    </row>
    <row r="264" spans="2:3" x14ac:dyDescent="0.25">
      <c r="B264" s="21">
        <v>40440</v>
      </c>
      <c r="C264" s="6">
        <v>9122937</v>
      </c>
    </row>
    <row r="265" spans="2:3" x14ac:dyDescent="0.25">
      <c r="B265" s="21">
        <v>40441</v>
      </c>
      <c r="C265" s="6">
        <v>10976179</v>
      </c>
    </row>
    <row r="266" spans="2:3" x14ac:dyDescent="0.25">
      <c r="B266" s="21">
        <v>40442</v>
      </c>
      <c r="C266" s="6">
        <v>11127674</v>
      </c>
    </row>
    <row r="267" spans="2:3" x14ac:dyDescent="0.25">
      <c r="B267" s="21">
        <v>40443</v>
      </c>
      <c r="C267" s="6">
        <v>11170140</v>
      </c>
    </row>
    <row r="268" spans="2:3" x14ac:dyDescent="0.25">
      <c r="B268" s="21">
        <v>40444</v>
      </c>
      <c r="C268" s="6">
        <v>11149836</v>
      </c>
    </row>
    <row r="269" spans="2:3" x14ac:dyDescent="0.25">
      <c r="B269" s="21">
        <v>40445</v>
      </c>
      <c r="C269" s="6">
        <v>10996014</v>
      </c>
    </row>
    <row r="270" spans="2:3" x14ac:dyDescent="0.25">
      <c r="B270" s="21">
        <v>40446</v>
      </c>
      <c r="C270" s="6">
        <v>9674224</v>
      </c>
    </row>
    <row r="271" spans="2:3" x14ac:dyDescent="0.25">
      <c r="B271" s="21">
        <v>40447</v>
      </c>
      <c r="C271" s="6">
        <v>9401449</v>
      </c>
    </row>
    <row r="272" spans="2:3" x14ac:dyDescent="0.25">
      <c r="B272" s="21">
        <v>40448</v>
      </c>
      <c r="C272" s="6">
        <v>10573217</v>
      </c>
    </row>
    <row r="273" spans="2:3" x14ac:dyDescent="0.25">
      <c r="B273" s="21">
        <v>40449</v>
      </c>
      <c r="C273" s="6">
        <v>10177062</v>
      </c>
    </row>
    <row r="274" spans="2:3" x14ac:dyDescent="0.25">
      <c r="B274" s="21">
        <v>40450</v>
      </c>
      <c r="C274" s="6">
        <v>11591254</v>
      </c>
    </row>
    <row r="275" spans="2:3" x14ac:dyDescent="0.25">
      <c r="B275" s="21">
        <v>40451</v>
      </c>
      <c r="C275" s="6">
        <v>11711658</v>
      </c>
    </row>
    <row r="276" spans="2:3" x14ac:dyDescent="0.25">
      <c r="B276" s="21">
        <v>40452</v>
      </c>
      <c r="C276" s="6">
        <v>11456216</v>
      </c>
    </row>
    <row r="277" spans="2:3" x14ac:dyDescent="0.25">
      <c r="B277" s="21">
        <v>40453</v>
      </c>
      <c r="C277" s="6">
        <v>10003054</v>
      </c>
    </row>
    <row r="278" spans="2:3" x14ac:dyDescent="0.25">
      <c r="B278" s="21">
        <v>40454</v>
      </c>
      <c r="C278" s="6">
        <v>9715018</v>
      </c>
    </row>
    <row r="279" spans="2:3" x14ac:dyDescent="0.25">
      <c r="B279" s="21">
        <v>40455</v>
      </c>
      <c r="C279" s="6">
        <v>11509286</v>
      </c>
    </row>
    <row r="280" spans="2:3" x14ac:dyDescent="0.25">
      <c r="B280" s="21">
        <v>40456</v>
      </c>
      <c r="C280" s="6">
        <v>11649354</v>
      </c>
    </row>
    <row r="281" spans="2:3" x14ac:dyDescent="0.25">
      <c r="B281" s="21">
        <v>40457</v>
      </c>
      <c r="C281" s="6">
        <v>11570227</v>
      </c>
    </row>
    <row r="282" spans="2:3" x14ac:dyDescent="0.25">
      <c r="B282" s="21">
        <v>40458</v>
      </c>
      <c r="C282" s="6">
        <v>11467746</v>
      </c>
    </row>
    <row r="283" spans="2:3" x14ac:dyDescent="0.25">
      <c r="B283" s="21">
        <v>40459</v>
      </c>
      <c r="C283" s="6">
        <v>11296296</v>
      </c>
    </row>
    <row r="284" spans="2:3" x14ac:dyDescent="0.25">
      <c r="B284" s="21">
        <v>40460</v>
      </c>
      <c r="C284" s="6">
        <v>10006218</v>
      </c>
    </row>
    <row r="285" spans="2:3" x14ac:dyDescent="0.25">
      <c r="B285" s="21">
        <v>40461</v>
      </c>
      <c r="C285" s="6">
        <v>9763854</v>
      </c>
    </row>
    <row r="286" spans="2:3" x14ac:dyDescent="0.25">
      <c r="B286" s="21">
        <v>40462</v>
      </c>
      <c r="C286" s="6">
        <v>11623297</v>
      </c>
    </row>
    <row r="287" spans="2:3" x14ac:dyDescent="0.25">
      <c r="B287" s="21">
        <v>40463</v>
      </c>
      <c r="C287" s="6">
        <v>11845756</v>
      </c>
    </row>
    <row r="288" spans="2:3" x14ac:dyDescent="0.25">
      <c r="B288" s="21">
        <v>40464</v>
      </c>
      <c r="C288" s="6">
        <v>11972002</v>
      </c>
    </row>
    <row r="289" spans="2:3" x14ac:dyDescent="0.25">
      <c r="B289" s="21">
        <v>40465</v>
      </c>
      <c r="C289" s="6">
        <v>12133830</v>
      </c>
    </row>
    <row r="290" spans="2:3" x14ac:dyDescent="0.25">
      <c r="B290" s="21">
        <v>40466</v>
      </c>
      <c r="C290" s="6">
        <v>12039345</v>
      </c>
    </row>
    <row r="291" spans="2:3" x14ac:dyDescent="0.25">
      <c r="B291" s="21">
        <v>40467</v>
      </c>
      <c r="C291" s="6">
        <v>10464732</v>
      </c>
    </row>
    <row r="292" spans="2:3" x14ac:dyDescent="0.25">
      <c r="B292" s="21">
        <v>40468</v>
      </c>
      <c r="C292" s="6">
        <v>10120394</v>
      </c>
    </row>
    <row r="293" spans="2:3" x14ac:dyDescent="0.25">
      <c r="B293" s="21">
        <v>40469</v>
      </c>
      <c r="C293" s="6">
        <v>12067365</v>
      </c>
    </row>
    <row r="294" spans="2:3" x14ac:dyDescent="0.25">
      <c r="B294" s="21">
        <v>40470</v>
      </c>
      <c r="C294" s="6">
        <v>12241490</v>
      </c>
    </row>
    <row r="295" spans="2:3" x14ac:dyDescent="0.25">
      <c r="B295" s="21">
        <v>40471</v>
      </c>
      <c r="C295" s="6">
        <v>12285654</v>
      </c>
    </row>
    <row r="296" spans="2:3" x14ac:dyDescent="0.25">
      <c r="B296" s="21">
        <v>40472</v>
      </c>
      <c r="C296" s="6">
        <v>12366335</v>
      </c>
    </row>
    <row r="297" spans="2:3" x14ac:dyDescent="0.25">
      <c r="B297" s="21">
        <v>40473</v>
      </c>
      <c r="C297" s="6">
        <v>12228852</v>
      </c>
    </row>
    <row r="298" spans="2:3" x14ac:dyDescent="0.25">
      <c r="B298" s="21">
        <v>40474</v>
      </c>
      <c r="C298" s="6">
        <v>10729843</v>
      </c>
    </row>
    <row r="299" spans="2:3" x14ac:dyDescent="0.25">
      <c r="B299" s="21">
        <v>40475</v>
      </c>
      <c r="C299" s="6">
        <v>10326301</v>
      </c>
    </row>
    <row r="300" spans="2:3" x14ac:dyDescent="0.25">
      <c r="B300" s="21">
        <v>40476</v>
      </c>
      <c r="C300" s="6">
        <v>12288470</v>
      </c>
    </row>
    <row r="301" spans="2:3" x14ac:dyDescent="0.25">
      <c r="B301" s="21">
        <v>40477</v>
      </c>
      <c r="C301" s="6">
        <v>12407028</v>
      </c>
    </row>
    <row r="302" spans="2:3" x14ac:dyDescent="0.25">
      <c r="B302" s="21">
        <v>40478</v>
      </c>
      <c r="C302" s="6">
        <v>12392550</v>
      </c>
    </row>
    <row r="303" spans="2:3" x14ac:dyDescent="0.25">
      <c r="B303" s="21">
        <v>40479</v>
      </c>
      <c r="C303" s="6">
        <v>11090221</v>
      </c>
    </row>
    <row r="304" spans="2:3" x14ac:dyDescent="0.25">
      <c r="B304" s="21">
        <v>40480</v>
      </c>
      <c r="C304" s="6">
        <v>11320661</v>
      </c>
    </row>
    <row r="305" spans="2:3" x14ac:dyDescent="0.25">
      <c r="B305" s="21">
        <v>40481</v>
      </c>
      <c r="C305" s="6">
        <v>10398039</v>
      </c>
    </row>
    <row r="306" spans="2:3" x14ac:dyDescent="0.25">
      <c r="B306" s="21">
        <v>40482</v>
      </c>
      <c r="C306" s="6">
        <v>10606053</v>
      </c>
    </row>
    <row r="307" spans="2:3" x14ac:dyDescent="0.25">
      <c r="B307" s="21">
        <v>40483</v>
      </c>
      <c r="C307" s="6">
        <v>11898802</v>
      </c>
    </row>
    <row r="308" spans="2:3" x14ac:dyDescent="0.25">
      <c r="B308" s="21">
        <v>40484</v>
      </c>
      <c r="C308" s="6">
        <v>12040237</v>
      </c>
    </row>
    <row r="309" spans="2:3" x14ac:dyDescent="0.25">
      <c r="B309" s="21">
        <v>40485</v>
      </c>
      <c r="C309" s="6">
        <v>12083006</v>
      </c>
    </row>
    <row r="310" spans="2:3" x14ac:dyDescent="0.25">
      <c r="B310" s="21">
        <v>40486</v>
      </c>
      <c r="C310" s="6">
        <v>12010461</v>
      </c>
    </row>
    <row r="311" spans="2:3" x14ac:dyDescent="0.25">
      <c r="B311" s="21">
        <v>40487</v>
      </c>
      <c r="C311" s="6">
        <v>11653964</v>
      </c>
    </row>
    <row r="312" spans="2:3" x14ac:dyDescent="0.25">
      <c r="B312" s="21">
        <v>40488</v>
      </c>
      <c r="C312" s="6">
        <v>10306888</v>
      </c>
    </row>
    <row r="313" spans="2:3" x14ac:dyDescent="0.25">
      <c r="B313" s="21">
        <v>40489</v>
      </c>
      <c r="C313" s="6">
        <v>10044114</v>
      </c>
    </row>
    <row r="314" spans="2:3" x14ac:dyDescent="0.25">
      <c r="B314" s="21">
        <v>40490</v>
      </c>
      <c r="C314" s="6">
        <v>11996964</v>
      </c>
    </row>
    <row r="315" spans="2:3" x14ac:dyDescent="0.25">
      <c r="B315" s="21">
        <v>40491</v>
      </c>
      <c r="C315" s="6">
        <v>12023702</v>
      </c>
    </row>
    <row r="316" spans="2:3" x14ac:dyDescent="0.25">
      <c r="B316" s="21">
        <v>40492</v>
      </c>
      <c r="C316" s="6">
        <v>12204824</v>
      </c>
    </row>
    <row r="317" spans="2:3" x14ac:dyDescent="0.25">
      <c r="B317" s="21">
        <v>40493</v>
      </c>
      <c r="C317" s="6">
        <v>12262867</v>
      </c>
    </row>
    <row r="318" spans="2:3" x14ac:dyDescent="0.25">
      <c r="B318" s="21">
        <v>40494</v>
      </c>
      <c r="C318" s="6">
        <v>12043905</v>
      </c>
    </row>
    <row r="319" spans="2:3" x14ac:dyDescent="0.25">
      <c r="B319" s="21">
        <v>40495</v>
      </c>
      <c r="C319" s="6">
        <v>10420398</v>
      </c>
    </row>
    <row r="320" spans="2:3" x14ac:dyDescent="0.25">
      <c r="B320" s="21">
        <v>40496</v>
      </c>
      <c r="C320" s="6">
        <v>9871802</v>
      </c>
    </row>
    <row r="321" spans="2:3" x14ac:dyDescent="0.25">
      <c r="B321" s="21">
        <v>40497</v>
      </c>
      <c r="C321" s="6">
        <v>11808634</v>
      </c>
    </row>
    <row r="322" spans="2:3" x14ac:dyDescent="0.25">
      <c r="B322" s="21">
        <v>40498</v>
      </c>
      <c r="C322" s="6">
        <v>12108616</v>
      </c>
    </row>
    <row r="323" spans="2:3" x14ac:dyDescent="0.25">
      <c r="B323" s="21">
        <v>40499</v>
      </c>
      <c r="C323" s="6">
        <v>11015896</v>
      </c>
    </row>
    <row r="324" spans="2:3" x14ac:dyDescent="0.25">
      <c r="B324" s="21">
        <v>40500</v>
      </c>
      <c r="C324" s="6">
        <v>12146159</v>
      </c>
    </row>
    <row r="325" spans="2:3" x14ac:dyDescent="0.25">
      <c r="B325" s="21">
        <v>40501</v>
      </c>
      <c r="C325" s="6">
        <v>12028071</v>
      </c>
    </row>
    <row r="326" spans="2:3" x14ac:dyDescent="0.25">
      <c r="B326" s="21">
        <v>40502</v>
      </c>
      <c r="C326" s="6">
        <v>10718341</v>
      </c>
    </row>
    <row r="327" spans="2:3" x14ac:dyDescent="0.25">
      <c r="B327" s="21">
        <v>40503</v>
      </c>
      <c r="C327" s="6">
        <v>10532926</v>
      </c>
    </row>
    <row r="328" spans="2:3" x14ac:dyDescent="0.25">
      <c r="B328" s="21">
        <v>40504</v>
      </c>
      <c r="C328" s="6">
        <v>12455464</v>
      </c>
    </row>
    <row r="329" spans="2:3" x14ac:dyDescent="0.25">
      <c r="B329" s="21">
        <v>40505</v>
      </c>
      <c r="C329" s="6">
        <v>12775317</v>
      </c>
    </row>
    <row r="330" spans="2:3" x14ac:dyDescent="0.25">
      <c r="B330" s="21">
        <v>40506</v>
      </c>
      <c r="C330" s="6">
        <v>12956191</v>
      </c>
    </row>
    <row r="331" spans="2:3" x14ac:dyDescent="0.25">
      <c r="B331" s="21">
        <v>40507</v>
      </c>
      <c r="C331" s="6">
        <v>12863015</v>
      </c>
    </row>
    <row r="332" spans="2:3" x14ac:dyDescent="0.25">
      <c r="B332" s="21">
        <v>40508</v>
      </c>
      <c r="C332" s="6">
        <v>12889375</v>
      </c>
    </row>
    <row r="333" spans="2:3" x14ac:dyDescent="0.25">
      <c r="B333" s="21">
        <v>40509</v>
      </c>
      <c r="C333" s="6">
        <v>11522152</v>
      </c>
    </row>
    <row r="334" spans="2:3" x14ac:dyDescent="0.25">
      <c r="B334" s="21">
        <v>40510</v>
      </c>
      <c r="C334" s="6">
        <v>11409058</v>
      </c>
    </row>
    <row r="335" spans="2:3" x14ac:dyDescent="0.25">
      <c r="B335" s="21">
        <v>40511</v>
      </c>
      <c r="C335" s="6">
        <v>13361309</v>
      </c>
    </row>
    <row r="336" spans="2:3" x14ac:dyDescent="0.25">
      <c r="B336" s="21">
        <v>40512</v>
      </c>
      <c r="C336" s="6">
        <v>13667849</v>
      </c>
    </row>
    <row r="337" spans="2:3" x14ac:dyDescent="0.25">
      <c r="B337" s="21">
        <v>40513</v>
      </c>
      <c r="C337" s="6">
        <v>14074853</v>
      </c>
    </row>
    <row r="338" spans="2:3" x14ac:dyDescent="0.25">
      <c r="B338" s="21">
        <v>40514</v>
      </c>
      <c r="C338" s="6">
        <v>14033341</v>
      </c>
    </row>
    <row r="339" spans="2:3" x14ac:dyDescent="0.25">
      <c r="B339" s="21">
        <v>40515</v>
      </c>
      <c r="C339" s="6">
        <v>14151390</v>
      </c>
    </row>
    <row r="340" spans="2:3" x14ac:dyDescent="0.25">
      <c r="B340" s="21">
        <v>40516</v>
      </c>
      <c r="C340" s="6">
        <v>12943344</v>
      </c>
    </row>
    <row r="341" spans="2:3" x14ac:dyDescent="0.25">
      <c r="B341" s="21">
        <v>40517</v>
      </c>
      <c r="C341" s="6">
        <v>12610762</v>
      </c>
    </row>
    <row r="342" spans="2:3" x14ac:dyDescent="0.25">
      <c r="B342" s="21">
        <v>40518</v>
      </c>
      <c r="C342" s="6">
        <v>13985125</v>
      </c>
    </row>
    <row r="343" spans="2:3" x14ac:dyDescent="0.25">
      <c r="B343" s="21">
        <v>40519</v>
      </c>
      <c r="C343" s="6">
        <v>13809441</v>
      </c>
    </row>
    <row r="344" spans="2:3" x14ac:dyDescent="0.25">
      <c r="B344" s="21">
        <v>40520</v>
      </c>
      <c r="C344" s="6">
        <v>13685191</v>
      </c>
    </row>
    <row r="345" spans="2:3" x14ac:dyDescent="0.25">
      <c r="B345" s="21">
        <v>40521</v>
      </c>
      <c r="C345" s="6">
        <v>13919063</v>
      </c>
    </row>
    <row r="346" spans="2:3" x14ac:dyDescent="0.25">
      <c r="B346" s="21">
        <v>40522</v>
      </c>
      <c r="C346" s="6">
        <v>13856933</v>
      </c>
    </row>
    <row r="347" spans="2:3" x14ac:dyDescent="0.25">
      <c r="B347" s="21">
        <v>40523</v>
      </c>
      <c r="C347" s="6">
        <v>12272492</v>
      </c>
    </row>
    <row r="348" spans="2:3" x14ac:dyDescent="0.25">
      <c r="B348" s="21">
        <v>40524</v>
      </c>
      <c r="C348" s="6">
        <v>11856968</v>
      </c>
    </row>
    <row r="349" spans="2:3" x14ac:dyDescent="0.25">
      <c r="B349" s="21">
        <v>40525</v>
      </c>
      <c r="C349" s="6">
        <v>13986744</v>
      </c>
    </row>
    <row r="350" spans="2:3" x14ac:dyDescent="0.25">
      <c r="B350" s="21">
        <v>40526</v>
      </c>
      <c r="C350" s="6">
        <v>14295200</v>
      </c>
    </row>
    <row r="351" spans="2:3" x14ac:dyDescent="0.25">
      <c r="B351" s="21">
        <v>40527</v>
      </c>
      <c r="C351" s="6">
        <v>14322357</v>
      </c>
    </row>
    <row r="352" spans="2:3" x14ac:dyDescent="0.25">
      <c r="B352" s="21">
        <v>40528</v>
      </c>
      <c r="C352" s="6">
        <v>14458721</v>
      </c>
    </row>
    <row r="353" spans="2:3" x14ac:dyDescent="0.25">
      <c r="B353" s="21">
        <v>40529</v>
      </c>
      <c r="C353" s="6">
        <v>14166044</v>
      </c>
    </row>
    <row r="354" spans="2:3" x14ac:dyDescent="0.25">
      <c r="B354" s="21">
        <v>40530</v>
      </c>
      <c r="C354" s="6">
        <v>12729799</v>
      </c>
    </row>
    <row r="355" spans="2:3" x14ac:dyDescent="0.25">
      <c r="B355" s="21">
        <v>40531</v>
      </c>
      <c r="C355" s="6">
        <v>12447623</v>
      </c>
    </row>
    <row r="356" spans="2:3" x14ac:dyDescent="0.25">
      <c r="B356" s="21">
        <v>40532</v>
      </c>
      <c r="C356" s="6">
        <v>13544081</v>
      </c>
    </row>
    <row r="357" spans="2:3" x14ac:dyDescent="0.25">
      <c r="B357" s="21">
        <v>40533</v>
      </c>
      <c r="C357" s="6">
        <v>13310380</v>
      </c>
    </row>
    <row r="358" spans="2:3" x14ac:dyDescent="0.25">
      <c r="B358" s="21">
        <v>40534</v>
      </c>
      <c r="C358" s="6">
        <v>12796626</v>
      </c>
    </row>
    <row r="359" spans="2:3" x14ac:dyDescent="0.25">
      <c r="B359" s="21">
        <v>40535</v>
      </c>
      <c r="C359" s="6">
        <v>11908592</v>
      </c>
    </row>
    <row r="360" spans="2:3" x14ac:dyDescent="0.25">
      <c r="B360" s="21">
        <v>40536</v>
      </c>
      <c r="C360" s="6">
        <v>10058921</v>
      </c>
    </row>
    <row r="361" spans="2:3" x14ac:dyDescent="0.25">
      <c r="B361" s="21">
        <v>40537</v>
      </c>
      <c r="C361" s="6">
        <v>9942645</v>
      </c>
    </row>
    <row r="362" spans="2:3" x14ac:dyDescent="0.25">
      <c r="B362" s="21">
        <v>40538</v>
      </c>
      <c r="C362" s="6">
        <v>10697561</v>
      </c>
    </row>
    <row r="363" spans="2:3" x14ac:dyDescent="0.25">
      <c r="B363" s="21">
        <v>40539</v>
      </c>
      <c r="C363" s="6">
        <v>11980484</v>
      </c>
    </row>
    <row r="364" spans="2:3" x14ac:dyDescent="0.25">
      <c r="B364" s="21">
        <v>40540</v>
      </c>
      <c r="C364" s="6">
        <v>12148996</v>
      </c>
    </row>
    <row r="365" spans="2:3" x14ac:dyDescent="0.25">
      <c r="B365" s="21">
        <v>40541</v>
      </c>
      <c r="C365" s="6">
        <v>12269227</v>
      </c>
    </row>
    <row r="366" spans="2:3" x14ac:dyDescent="0.25">
      <c r="B366" s="21">
        <v>40542</v>
      </c>
      <c r="C366" s="6">
        <v>12250382</v>
      </c>
    </row>
    <row r="367" spans="2:3" x14ac:dyDescent="0.25">
      <c r="B367" s="21">
        <v>40543</v>
      </c>
      <c r="C367" s="6">
        <v>11547479</v>
      </c>
    </row>
    <row r="368" spans="2:3" x14ac:dyDescent="0.25">
      <c r="B368" s="21">
        <v>40544</v>
      </c>
      <c r="C368" s="6">
        <v>10437375</v>
      </c>
    </row>
    <row r="369" spans="2:3" x14ac:dyDescent="0.25">
      <c r="B369" s="21">
        <v>40545</v>
      </c>
      <c r="C369" s="6">
        <v>11047838</v>
      </c>
    </row>
    <row r="370" spans="2:3" x14ac:dyDescent="0.25">
      <c r="B370" s="21">
        <v>40546</v>
      </c>
      <c r="C370" s="6">
        <v>13237775</v>
      </c>
    </row>
    <row r="371" spans="2:3" x14ac:dyDescent="0.25">
      <c r="B371" s="21">
        <v>40547</v>
      </c>
      <c r="C371" s="6">
        <v>13878914</v>
      </c>
    </row>
    <row r="372" spans="2:3" x14ac:dyDescent="0.25">
      <c r="B372" s="21">
        <v>40548</v>
      </c>
      <c r="C372" s="6">
        <v>14016838</v>
      </c>
    </row>
    <row r="373" spans="2:3" x14ac:dyDescent="0.25">
      <c r="B373" s="21">
        <v>40549</v>
      </c>
      <c r="C373" s="6">
        <v>14059122</v>
      </c>
    </row>
    <row r="374" spans="2:3" x14ac:dyDescent="0.25">
      <c r="B374" s="21">
        <v>40550</v>
      </c>
      <c r="C374" s="6">
        <v>13408136</v>
      </c>
    </row>
    <row r="375" spans="2:3" x14ac:dyDescent="0.25">
      <c r="B375" s="21">
        <v>40551</v>
      </c>
      <c r="C375" s="6">
        <v>11634616</v>
      </c>
    </row>
    <row r="376" spans="2:3" x14ac:dyDescent="0.25">
      <c r="B376" s="21">
        <v>40552</v>
      </c>
      <c r="C376" s="6">
        <v>11295676</v>
      </c>
    </row>
    <row r="377" spans="2:3" x14ac:dyDescent="0.25">
      <c r="B377" s="21">
        <v>40553</v>
      </c>
      <c r="C377" s="6">
        <v>13203499</v>
      </c>
    </row>
    <row r="378" spans="2:3" x14ac:dyDescent="0.25">
      <c r="B378" s="21">
        <v>40554</v>
      </c>
      <c r="C378" s="6">
        <v>13367546</v>
      </c>
    </row>
    <row r="379" spans="2:3" x14ac:dyDescent="0.25">
      <c r="B379" s="21">
        <v>40555</v>
      </c>
      <c r="C379" s="6">
        <v>13268832</v>
      </c>
    </row>
    <row r="380" spans="2:3" x14ac:dyDescent="0.25">
      <c r="B380" s="21">
        <v>40556</v>
      </c>
      <c r="C380" s="6">
        <v>13202206</v>
      </c>
    </row>
    <row r="381" spans="2:3" x14ac:dyDescent="0.25">
      <c r="B381" s="21">
        <v>40557</v>
      </c>
      <c r="C381" s="6">
        <v>12820309</v>
      </c>
    </row>
    <row r="382" spans="2:3" x14ac:dyDescent="0.25">
      <c r="B382" s="21">
        <v>40558</v>
      </c>
      <c r="C382" s="6">
        <v>11136088</v>
      </c>
    </row>
    <row r="383" spans="2:3" x14ac:dyDescent="0.25">
      <c r="B383" s="21">
        <v>40559</v>
      </c>
      <c r="C383" s="6">
        <v>10782634</v>
      </c>
    </row>
    <row r="384" spans="2:3" x14ac:dyDescent="0.25">
      <c r="B384" s="21">
        <v>40560</v>
      </c>
      <c r="C384" s="6">
        <v>12924050</v>
      </c>
    </row>
    <row r="385" spans="2:3" x14ac:dyDescent="0.25">
      <c r="B385" s="21">
        <v>40561</v>
      </c>
      <c r="C385" s="6">
        <v>13127513</v>
      </c>
    </row>
    <row r="386" spans="2:3" x14ac:dyDescent="0.25">
      <c r="B386" s="21">
        <v>40562</v>
      </c>
      <c r="C386" s="6">
        <v>13185572</v>
      </c>
    </row>
    <row r="387" spans="2:3" x14ac:dyDescent="0.25">
      <c r="B387" s="21">
        <v>40563</v>
      </c>
      <c r="C387" s="6">
        <v>13369239</v>
      </c>
    </row>
    <row r="388" spans="2:3" x14ac:dyDescent="0.25">
      <c r="B388" s="21">
        <v>40564</v>
      </c>
      <c r="C388" s="6">
        <v>13411816</v>
      </c>
    </row>
    <row r="389" spans="2:3" x14ac:dyDescent="0.25">
      <c r="B389" s="21">
        <v>40565</v>
      </c>
      <c r="C389" s="6">
        <v>11918667</v>
      </c>
    </row>
    <row r="390" spans="2:3" x14ac:dyDescent="0.25">
      <c r="B390" s="21">
        <v>40566</v>
      </c>
      <c r="C390" s="6">
        <v>11688382</v>
      </c>
    </row>
    <row r="391" spans="2:3" x14ac:dyDescent="0.25">
      <c r="B391" s="21">
        <v>40567</v>
      </c>
      <c r="C391" s="6">
        <v>13458333</v>
      </c>
    </row>
    <row r="392" spans="2:3" x14ac:dyDescent="0.25">
      <c r="B392" s="21">
        <v>40568</v>
      </c>
      <c r="C392" s="6">
        <v>13657803</v>
      </c>
    </row>
    <row r="393" spans="2:3" x14ac:dyDescent="0.25">
      <c r="B393" s="21">
        <v>40569</v>
      </c>
      <c r="C393" s="6">
        <v>13525672</v>
      </c>
    </row>
    <row r="394" spans="2:3" x14ac:dyDescent="0.25">
      <c r="B394" s="21">
        <v>40570</v>
      </c>
      <c r="C394" s="6">
        <v>13530984</v>
      </c>
    </row>
    <row r="395" spans="2:3" x14ac:dyDescent="0.25">
      <c r="B395" s="21">
        <v>40571</v>
      </c>
      <c r="C395" s="6">
        <v>13496842</v>
      </c>
    </row>
    <row r="396" spans="2:3" x14ac:dyDescent="0.25">
      <c r="B396" s="21">
        <v>40572</v>
      </c>
      <c r="C396" s="6">
        <v>12235759</v>
      </c>
    </row>
    <row r="397" spans="2:3" x14ac:dyDescent="0.25">
      <c r="B397" s="21">
        <v>40573</v>
      </c>
      <c r="C397" s="6">
        <v>12021926</v>
      </c>
    </row>
    <row r="398" spans="2:3" x14ac:dyDescent="0.25">
      <c r="B398" s="21">
        <v>40574</v>
      </c>
      <c r="C398" s="6">
        <v>14015032</v>
      </c>
    </row>
    <row r="399" spans="2:3" x14ac:dyDescent="0.25">
      <c r="B399" s="21">
        <v>40575</v>
      </c>
      <c r="C399" s="6">
        <v>14423427</v>
      </c>
    </row>
    <row r="400" spans="2:3" x14ac:dyDescent="0.25">
      <c r="B400" s="21">
        <v>40576</v>
      </c>
      <c r="C400" s="6">
        <v>14317754</v>
      </c>
    </row>
    <row r="401" spans="2:3" x14ac:dyDescent="0.25">
      <c r="B401" s="21">
        <v>40577</v>
      </c>
      <c r="C401" s="6">
        <v>14131439</v>
      </c>
    </row>
    <row r="402" spans="2:3" x14ac:dyDescent="0.25">
      <c r="B402" s="21">
        <v>40578</v>
      </c>
      <c r="C402" s="6">
        <v>13566406</v>
      </c>
    </row>
    <row r="403" spans="2:3" x14ac:dyDescent="0.25">
      <c r="B403" s="21">
        <v>40579</v>
      </c>
      <c r="C403" s="6">
        <v>11536042</v>
      </c>
    </row>
    <row r="404" spans="2:3" x14ac:dyDescent="0.25">
      <c r="B404" s="21">
        <v>40580</v>
      </c>
      <c r="C404" s="6">
        <v>10964250</v>
      </c>
    </row>
    <row r="405" spans="2:3" x14ac:dyDescent="0.25">
      <c r="B405" s="21">
        <v>40581</v>
      </c>
      <c r="C405" s="6">
        <v>12689426</v>
      </c>
    </row>
    <row r="406" spans="2:3" x14ac:dyDescent="0.25">
      <c r="B406" s="21">
        <v>40582</v>
      </c>
      <c r="C406" s="6">
        <v>12988763</v>
      </c>
    </row>
    <row r="407" spans="2:3" x14ac:dyDescent="0.25">
      <c r="B407" s="21">
        <v>40583</v>
      </c>
      <c r="C407" s="6">
        <v>13102497</v>
      </c>
    </row>
    <row r="408" spans="2:3" x14ac:dyDescent="0.25">
      <c r="B408" s="21">
        <v>40584</v>
      </c>
      <c r="C408" s="6">
        <v>13135625</v>
      </c>
    </row>
    <row r="409" spans="2:3" x14ac:dyDescent="0.25">
      <c r="B409" s="21">
        <v>40585</v>
      </c>
      <c r="C409" s="6">
        <v>12969528</v>
      </c>
    </row>
    <row r="410" spans="2:3" x14ac:dyDescent="0.25">
      <c r="B410" s="21">
        <v>40586</v>
      </c>
      <c r="C410" s="6">
        <v>11469649</v>
      </c>
    </row>
    <row r="411" spans="2:3" x14ac:dyDescent="0.25">
      <c r="B411" s="21">
        <v>40587</v>
      </c>
      <c r="C411" s="6">
        <v>11304699</v>
      </c>
    </row>
    <row r="412" spans="2:3" x14ac:dyDescent="0.25">
      <c r="B412" s="21">
        <v>40588</v>
      </c>
      <c r="C412" s="6">
        <v>13272918</v>
      </c>
    </row>
    <row r="413" spans="2:3" x14ac:dyDescent="0.25">
      <c r="B413" s="21">
        <v>40589</v>
      </c>
      <c r="C413" s="6">
        <v>13423141</v>
      </c>
    </row>
    <row r="414" spans="2:3" x14ac:dyDescent="0.25">
      <c r="B414" s="21">
        <v>40590</v>
      </c>
      <c r="C414" s="6">
        <v>13583839</v>
      </c>
    </row>
    <row r="415" spans="2:3" x14ac:dyDescent="0.25">
      <c r="B415" s="21">
        <v>40591</v>
      </c>
      <c r="C415" s="6">
        <v>13493088</v>
      </c>
    </row>
    <row r="416" spans="2:3" x14ac:dyDescent="0.25">
      <c r="B416" s="21">
        <v>40592</v>
      </c>
      <c r="C416" s="6">
        <v>13248624</v>
      </c>
    </row>
    <row r="417" spans="2:3" x14ac:dyDescent="0.25">
      <c r="B417" s="21">
        <v>40593</v>
      </c>
      <c r="C417" s="6">
        <v>11872959</v>
      </c>
    </row>
    <row r="418" spans="2:3" x14ac:dyDescent="0.25">
      <c r="B418" s="21">
        <v>40594</v>
      </c>
      <c r="C418" s="6">
        <v>11697538</v>
      </c>
    </row>
    <row r="419" spans="2:3" x14ac:dyDescent="0.25">
      <c r="B419" s="21">
        <v>40595</v>
      </c>
      <c r="C419" s="6">
        <v>13714971</v>
      </c>
    </row>
    <row r="420" spans="2:3" x14ac:dyDescent="0.25">
      <c r="B420" s="21">
        <v>40596</v>
      </c>
      <c r="C420" s="6">
        <v>14082724</v>
      </c>
    </row>
    <row r="421" spans="2:3" x14ac:dyDescent="0.25">
      <c r="B421" s="21">
        <v>40597</v>
      </c>
      <c r="C421" s="6">
        <v>14289083</v>
      </c>
    </row>
    <row r="422" spans="2:3" x14ac:dyDescent="0.25">
      <c r="B422" s="21">
        <v>40598</v>
      </c>
      <c r="C422" s="6">
        <v>14233903</v>
      </c>
    </row>
    <row r="423" spans="2:3" x14ac:dyDescent="0.25">
      <c r="B423" s="21">
        <v>40599</v>
      </c>
      <c r="C423" s="6">
        <v>13941652</v>
      </c>
    </row>
    <row r="424" spans="2:3" x14ac:dyDescent="0.25">
      <c r="B424" s="21">
        <v>40600</v>
      </c>
      <c r="C424" s="6">
        <v>12169029</v>
      </c>
    </row>
    <row r="425" spans="2:3" x14ac:dyDescent="0.25">
      <c r="B425" s="21">
        <v>40601</v>
      </c>
      <c r="C425" s="6">
        <v>11603196</v>
      </c>
    </row>
    <row r="426" spans="2:3" x14ac:dyDescent="0.25">
      <c r="B426" s="21">
        <v>40602</v>
      </c>
      <c r="C426" s="6">
        <v>13043697</v>
      </c>
    </row>
    <row r="427" spans="2:3" x14ac:dyDescent="0.25">
      <c r="B427" s="21">
        <v>40603</v>
      </c>
      <c r="C427" s="6">
        <v>13184480</v>
      </c>
    </row>
    <row r="428" spans="2:3" x14ac:dyDescent="0.25">
      <c r="B428" s="21">
        <v>40604</v>
      </c>
      <c r="C428" s="6">
        <v>13219207</v>
      </c>
    </row>
    <row r="429" spans="2:3" x14ac:dyDescent="0.25">
      <c r="B429" s="21">
        <v>40605</v>
      </c>
      <c r="C429" s="6">
        <v>13326055</v>
      </c>
    </row>
    <row r="430" spans="2:3" x14ac:dyDescent="0.25">
      <c r="B430" s="21">
        <v>40606</v>
      </c>
      <c r="C430" s="6">
        <v>12948503</v>
      </c>
    </row>
    <row r="431" spans="2:3" x14ac:dyDescent="0.25">
      <c r="B431" s="21">
        <v>40607</v>
      </c>
      <c r="C431" s="6">
        <v>11510129</v>
      </c>
    </row>
    <row r="432" spans="2:3" x14ac:dyDescent="0.25">
      <c r="B432" s="21">
        <v>40608</v>
      </c>
      <c r="C432" s="6">
        <v>11286722</v>
      </c>
    </row>
    <row r="433" spans="2:3" x14ac:dyDescent="0.25">
      <c r="B433" s="21">
        <v>40609</v>
      </c>
      <c r="C433" s="6">
        <v>13031769</v>
      </c>
    </row>
    <row r="434" spans="2:3" x14ac:dyDescent="0.25">
      <c r="B434" s="21">
        <v>40610</v>
      </c>
      <c r="C434" s="6">
        <v>13119846</v>
      </c>
    </row>
    <row r="435" spans="2:3" x14ac:dyDescent="0.25">
      <c r="B435" s="21">
        <v>40611</v>
      </c>
      <c r="C435" s="6">
        <v>13076126</v>
      </c>
    </row>
    <row r="436" spans="2:3" x14ac:dyDescent="0.25">
      <c r="B436" s="21">
        <v>40612</v>
      </c>
      <c r="C436" s="6">
        <v>13118675</v>
      </c>
    </row>
    <row r="437" spans="2:3" x14ac:dyDescent="0.25">
      <c r="B437" s="21">
        <v>40613</v>
      </c>
      <c r="C437" s="6">
        <v>12686697</v>
      </c>
    </row>
    <row r="438" spans="2:3" x14ac:dyDescent="0.25">
      <c r="B438" s="21">
        <v>40614</v>
      </c>
      <c r="C438" s="6">
        <v>10972322</v>
      </c>
    </row>
    <row r="439" spans="2:3" x14ac:dyDescent="0.25">
      <c r="B439" s="21">
        <v>40615</v>
      </c>
      <c r="C439" s="6">
        <v>10527345</v>
      </c>
    </row>
    <row r="440" spans="2:3" x14ac:dyDescent="0.25">
      <c r="B440" s="21">
        <v>40616</v>
      </c>
      <c r="C440" s="6">
        <v>11971011</v>
      </c>
    </row>
    <row r="441" spans="2:3" x14ac:dyDescent="0.25">
      <c r="B441" s="21">
        <v>40617</v>
      </c>
      <c r="C441" s="6">
        <v>11969438</v>
      </c>
    </row>
    <row r="442" spans="2:3" x14ac:dyDescent="0.25">
      <c r="B442" s="21">
        <v>40618</v>
      </c>
      <c r="C442" s="6">
        <v>12096109</v>
      </c>
    </row>
    <row r="443" spans="2:3" x14ac:dyDescent="0.25">
      <c r="B443" s="21">
        <v>40619</v>
      </c>
      <c r="C443" s="6">
        <v>12272449</v>
      </c>
    </row>
    <row r="444" spans="2:3" x14ac:dyDescent="0.25">
      <c r="B444" s="21">
        <v>40620</v>
      </c>
      <c r="C444" s="6">
        <v>12344629</v>
      </c>
    </row>
    <row r="445" spans="2:3" x14ac:dyDescent="0.25">
      <c r="B445" s="21">
        <v>40621</v>
      </c>
      <c r="C445" s="6">
        <v>10892443</v>
      </c>
    </row>
    <row r="446" spans="2:3" x14ac:dyDescent="0.25">
      <c r="B446" s="21">
        <v>40622</v>
      </c>
      <c r="C446" s="6">
        <v>10615000</v>
      </c>
    </row>
    <row r="447" spans="2:3" x14ac:dyDescent="0.25">
      <c r="B447" s="21">
        <v>40623</v>
      </c>
      <c r="C447" s="6">
        <v>12128352</v>
      </c>
    </row>
    <row r="448" spans="2:3" x14ac:dyDescent="0.25">
      <c r="B448" s="21">
        <v>40624</v>
      </c>
      <c r="C448" s="6">
        <v>12179466</v>
      </c>
    </row>
    <row r="449" spans="2:3" x14ac:dyDescent="0.25">
      <c r="B449" s="21">
        <v>40625</v>
      </c>
      <c r="C449" s="6">
        <v>12113942</v>
      </c>
    </row>
    <row r="450" spans="2:3" x14ac:dyDescent="0.25">
      <c r="B450" s="21">
        <v>40626</v>
      </c>
      <c r="C450" s="6">
        <v>11912217</v>
      </c>
    </row>
    <row r="451" spans="2:3" x14ac:dyDescent="0.25">
      <c r="B451" s="21">
        <v>40627</v>
      </c>
      <c r="C451" s="6">
        <v>11730611</v>
      </c>
    </row>
    <row r="452" spans="2:3" x14ac:dyDescent="0.25">
      <c r="B452" s="21">
        <v>40628</v>
      </c>
      <c r="C452" s="6">
        <v>10504593</v>
      </c>
    </row>
    <row r="453" spans="2:3" x14ac:dyDescent="0.25">
      <c r="B453" s="21">
        <v>40629</v>
      </c>
      <c r="C453" s="6">
        <v>9842499</v>
      </c>
    </row>
    <row r="454" spans="2:3" x14ac:dyDescent="0.25">
      <c r="B454" s="21">
        <v>40630</v>
      </c>
      <c r="C454" s="6">
        <v>11826118</v>
      </c>
    </row>
    <row r="455" spans="2:3" x14ac:dyDescent="0.25">
      <c r="B455" s="21">
        <v>40631</v>
      </c>
      <c r="C455" s="6">
        <v>11833768</v>
      </c>
    </row>
    <row r="456" spans="2:3" x14ac:dyDescent="0.25">
      <c r="B456" s="21">
        <v>40632</v>
      </c>
      <c r="C456" s="6">
        <v>11711677</v>
      </c>
    </row>
    <row r="457" spans="2:3" x14ac:dyDescent="0.25">
      <c r="B457" s="21">
        <v>40633</v>
      </c>
      <c r="C457" s="6">
        <v>11606700</v>
      </c>
    </row>
    <row r="458" spans="2:3" x14ac:dyDescent="0.25">
      <c r="B458" s="21">
        <v>40634</v>
      </c>
      <c r="C458" s="6">
        <v>11351736</v>
      </c>
    </row>
    <row r="459" spans="2:3" x14ac:dyDescent="0.25">
      <c r="B459" s="21">
        <v>40635</v>
      </c>
      <c r="C459" s="6">
        <v>9681518</v>
      </c>
    </row>
    <row r="460" spans="2:3" x14ac:dyDescent="0.25">
      <c r="B460" s="21">
        <v>40636</v>
      </c>
      <c r="C460" s="6">
        <v>9312354</v>
      </c>
    </row>
    <row r="461" spans="2:3" x14ac:dyDescent="0.25">
      <c r="B461" s="21">
        <v>40637</v>
      </c>
      <c r="C461" s="6">
        <v>11310312</v>
      </c>
    </row>
    <row r="462" spans="2:3" x14ac:dyDescent="0.25">
      <c r="B462" s="21">
        <v>40638</v>
      </c>
      <c r="C462" s="6">
        <v>11350561</v>
      </c>
    </row>
    <row r="463" spans="2:3" x14ac:dyDescent="0.25">
      <c r="B463" s="21">
        <v>40639</v>
      </c>
      <c r="C463" s="6">
        <v>11334943</v>
      </c>
    </row>
    <row r="464" spans="2:3" x14ac:dyDescent="0.25">
      <c r="B464" s="21">
        <v>40640</v>
      </c>
      <c r="C464" s="6">
        <v>11223533</v>
      </c>
    </row>
    <row r="465" spans="2:3" x14ac:dyDescent="0.25">
      <c r="B465" s="21">
        <v>40641</v>
      </c>
      <c r="C465" s="6">
        <v>11144244</v>
      </c>
    </row>
    <row r="466" spans="2:3" x14ac:dyDescent="0.25">
      <c r="B466" s="21">
        <v>40642</v>
      </c>
      <c r="C466" s="6">
        <v>9833340</v>
      </c>
    </row>
    <row r="467" spans="2:3" x14ac:dyDescent="0.25">
      <c r="B467" s="21">
        <v>40643</v>
      </c>
      <c r="C467" s="6">
        <v>9559331</v>
      </c>
    </row>
    <row r="468" spans="2:3" x14ac:dyDescent="0.25">
      <c r="B468" s="21">
        <v>40644</v>
      </c>
      <c r="C468" s="6">
        <v>11204630</v>
      </c>
    </row>
    <row r="469" spans="2:3" x14ac:dyDescent="0.25">
      <c r="B469" s="21">
        <v>40645</v>
      </c>
      <c r="C469" s="6">
        <v>11454550</v>
      </c>
    </row>
    <row r="470" spans="2:3" x14ac:dyDescent="0.25">
      <c r="B470" s="21">
        <v>40646</v>
      </c>
      <c r="C470" s="6">
        <v>11792367</v>
      </c>
    </row>
    <row r="471" spans="2:3" x14ac:dyDescent="0.25">
      <c r="B471" s="21">
        <v>40647</v>
      </c>
      <c r="C471" s="6">
        <v>11952673</v>
      </c>
    </row>
    <row r="472" spans="2:3" x14ac:dyDescent="0.25">
      <c r="B472" s="21">
        <v>40648</v>
      </c>
      <c r="C472" s="6">
        <v>11662359</v>
      </c>
    </row>
    <row r="473" spans="2:3" x14ac:dyDescent="0.25">
      <c r="B473" s="21">
        <v>40649</v>
      </c>
      <c r="C473" s="6">
        <v>9971137</v>
      </c>
    </row>
    <row r="474" spans="2:3" x14ac:dyDescent="0.25">
      <c r="B474" s="21">
        <v>40650</v>
      </c>
      <c r="C474" s="6">
        <v>9672621</v>
      </c>
    </row>
    <row r="475" spans="2:3" x14ac:dyDescent="0.25">
      <c r="B475" s="21">
        <v>40651</v>
      </c>
      <c r="C475" s="6">
        <v>11274367</v>
      </c>
    </row>
    <row r="476" spans="2:3" x14ac:dyDescent="0.25">
      <c r="B476" s="21">
        <v>40652</v>
      </c>
      <c r="C476" s="6">
        <v>11404524</v>
      </c>
    </row>
    <row r="477" spans="2:3" x14ac:dyDescent="0.25">
      <c r="B477" s="21">
        <v>40653</v>
      </c>
      <c r="C477" s="6">
        <v>11312906</v>
      </c>
    </row>
    <row r="478" spans="2:3" x14ac:dyDescent="0.25">
      <c r="B478" s="21">
        <v>40654</v>
      </c>
      <c r="C478" s="6">
        <v>11021930</v>
      </c>
    </row>
    <row r="479" spans="2:3" x14ac:dyDescent="0.25">
      <c r="B479" s="21">
        <v>40655</v>
      </c>
      <c r="C479" s="6">
        <v>10804703</v>
      </c>
    </row>
    <row r="480" spans="2:3" x14ac:dyDescent="0.25">
      <c r="B480" s="21">
        <v>40656</v>
      </c>
      <c r="C480" s="6">
        <v>9386360</v>
      </c>
    </row>
    <row r="481" spans="2:3" x14ac:dyDescent="0.25">
      <c r="B481" s="21">
        <v>40657</v>
      </c>
      <c r="C481" s="6">
        <v>8779380</v>
      </c>
    </row>
    <row r="482" spans="2:3" x14ac:dyDescent="0.25">
      <c r="B482" s="21">
        <v>40658</v>
      </c>
      <c r="C482" s="6">
        <v>8657742</v>
      </c>
    </row>
    <row r="483" spans="2:3" x14ac:dyDescent="0.25">
      <c r="B483" s="21">
        <v>40659</v>
      </c>
      <c r="C483" s="6">
        <v>11014483</v>
      </c>
    </row>
    <row r="484" spans="2:3" x14ac:dyDescent="0.25">
      <c r="B484" s="21">
        <v>40660</v>
      </c>
      <c r="C484" s="6">
        <v>11136845</v>
      </c>
    </row>
    <row r="485" spans="2:3" x14ac:dyDescent="0.25">
      <c r="B485" s="21">
        <v>40661</v>
      </c>
      <c r="C485" s="6">
        <v>11088962</v>
      </c>
    </row>
    <row r="486" spans="2:3" x14ac:dyDescent="0.25">
      <c r="B486" s="21">
        <v>40662</v>
      </c>
      <c r="C486" s="6">
        <v>10899226</v>
      </c>
    </row>
    <row r="487" spans="2:3" x14ac:dyDescent="0.25">
      <c r="B487" s="21">
        <v>40663</v>
      </c>
      <c r="C487" s="6">
        <v>9449476</v>
      </c>
    </row>
    <row r="488" spans="2:3" x14ac:dyDescent="0.25">
      <c r="B488" s="21">
        <v>40664</v>
      </c>
      <c r="C488" s="6">
        <v>9109357</v>
      </c>
    </row>
    <row r="489" spans="2:3" x14ac:dyDescent="0.25">
      <c r="B489" s="21">
        <v>40665</v>
      </c>
      <c r="C489" s="6">
        <v>11127250</v>
      </c>
    </row>
    <row r="490" spans="2:3" x14ac:dyDescent="0.25">
      <c r="B490" s="21">
        <v>40666</v>
      </c>
      <c r="C490" s="6">
        <v>11825517</v>
      </c>
    </row>
    <row r="491" spans="2:3" x14ac:dyDescent="0.25">
      <c r="B491" s="21">
        <v>40667</v>
      </c>
      <c r="C491" s="6">
        <v>11730205</v>
      </c>
    </row>
    <row r="492" spans="2:3" x14ac:dyDescent="0.25">
      <c r="B492" s="21">
        <v>40668</v>
      </c>
      <c r="C492" s="6">
        <v>11597183</v>
      </c>
    </row>
    <row r="493" spans="2:3" x14ac:dyDescent="0.25">
      <c r="B493" s="21">
        <v>40669</v>
      </c>
      <c r="C493" s="6">
        <v>11216187</v>
      </c>
    </row>
    <row r="494" spans="2:3" x14ac:dyDescent="0.25">
      <c r="B494" s="21">
        <v>40670</v>
      </c>
      <c r="C494" s="6">
        <v>9566676</v>
      </c>
    </row>
    <row r="495" spans="2:3" x14ac:dyDescent="0.25">
      <c r="B495" s="21">
        <v>40671</v>
      </c>
      <c r="C495" s="6">
        <v>9011687</v>
      </c>
    </row>
    <row r="496" spans="2:3" x14ac:dyDescent="0.25">
      <c r="B496" s="21">
        <v>40672</v>
      </c>
      <c r="C496" s="6">
        <v>10716652</v>
      </c>
    </row>
    <row r="497" spans="2:3" x14ac:dyDescent="0.25">
      <c r="B497" s="21">
        <v>40673</v>
      </c>
      <c r="C497" s="6">
        <v>10795355</v>
      </c>
    </row>
    <row r="498" spans="2:3" x14ac:dyDescent="0.25">
      <c r="B498" s="21">
        <v>40674</v>
      </c>
      <c r="C498" s="6">
        <v>10873930</v>
      </c>
    </row>
    <row r="499" spans="2:3" x14ac:dyDescent="0.25">
      <c r="B499" s="21">
        <v>40675</v>
      </c>
      <c r="C499" s="6">
        <v>10941568</v>
      </c>
    </row>
    <row r="500" spans="2:3" x14ac:dyDescent="0.25">
      <c r="B500" s="21">
        <v>40676</v>
      </c>
      <c r="C500" s="6">
        <v>10701420</v>
      </c>
    </row>
    <row r="501" spans="2:3" x14ac:dyDescent="0.25">
      <c r="B501" s="21">
        <v>40677</v>
      </c>
      <c r="C501" s="6">
        <v>9294044</v>
      </c>
    </row>
    <row r="502" spans="2:3" x14ac:dyDescent="0.25">
      <c r="B502" s="21">
        <v>40678</v>
      </c>
      <c r="C502" s="6">
        <v>9207348</v>
      </c>
    </row>
    <row r="503" spans="2:3" x14ac:dyDescent="0.25">
      <c r="B503" s="21">
        <v>40679</v>
      </c>
      <c r="C503" s="6">
        <v>10841073</v>
      </c>
    </row>
    <row r="504" spans="2:3" x14ac:dyDescent="0.25">
      <c r="B504" s="21">
        <v>40680</v>
      </c>
      <c r="C504" s="6">
        <v>10999146</v>
      </c>
    </row>
    <row r="505" spans="2:3" x14ac:dyDescent="0.25">
      <c r="B505" s="21">
        <v>40681</v>
      </c>
      <c r="C505" s="6">
        <v>10889325</v>
      </c>
    </row>
    <row r="506" spans="2:3" x14ac:dyDescent="0.25">
      <c r="B506" s="21">
        <v>40682</v>
      </c>
      <c r="C506" s="6">
        <v>10851038</v>
      </c>
    </row>
    <row r="507" spans="2:3" x14ac:dyDescent="0.25">
      <c r="B507" s="21">
        <v>40683</v>
      </c>
      <c r="C507" s="6">
        <v>10661161</v>
      </c>
    </row>
    <row r="508" spans="2:3" x14ac:dyDescent="0.25">
      <c r="B508" s="21">
        <v>40684</v>
      </c>
      <c r="C508" s="6">
        <v>9167533</v>
      </c>
    </row>
    <row r="509" spans="2:3" x14ac:dyDescent="0.25">
      <c r="B509" s="21">
        <v>40685</v>
      </c>
      <c r="C509" s="6">
        <v>8884146</v>
      </c>
    </row>
    <row r="510" spans="2:3" x14ac:dyDescent="0.25">
      <c r="B510" s="21">
        <v>40686</v>
      </c>
      <c r="C510" s="6">
        <v>10566657</v>
      </c>
    </row>
    <row r="511" spans="2:3" x14ac:dyDescent="0.25">
      <c r="B511" s="21">
        <v>40687</v>
      </c>
      <c r="C511" s="6">
        <v>10810115</v>
      </c>
    </row>
    <row r="512" spans="2:3" x14ac:dyDescent="0.25">
      <c r="B512" s="21">
        <v>40688</v>
      </c>
      <c r="C512" s="6">
        <v>10691003</v>
      </c>
    </row>
    <row r="513" spans="2:3" x14ac:dyDescent="0.25">
      <c r="B513" s="21">
        <v>40689</v>
      </c>
      <c r="C513" s="6">
        <v>10709992</v>
      </c>
    </row>
    <row r="514" spans="2:3" x14ac:dyDescent="0.25">
      <c r="B514" s="21">
        <v>40690</v>
      </c>
      <c r="C514" s="6">
        <v>10660165</v>
      </c>
    </row>
    <row r="515" spans="2:3" x14ac:dyDescent="0.25">
      <c r="B515" s="21">
        <v>40691</v>
      </c>
      <c r="C515" s="6">
        <v>9113335</v>
      </c>
    </row>
    <row r="516" spans="2:3" x14ac:dyDescent="0.25">
      <c r="B516" s="21">
        <v>40692</v>
      </c>
      <c r="C516" s="6">
        <v>8806448</v>
      </c>
    </row>
    <row r="517" spans="2:3" x14ac:dyDescent="0.25">
      <c r="B517" s="21">
        <v>40693</v>
      </c>
      <c r="C517" s="6">
        <v>10368422</v>
      </c>
    </row>
    <row r="518" spans="2:3" x14ac:dyDescent="0.25">
      <c r="B518" s="21">
        <v>40694</v>
      </c>
      <c r="C518" s="6">
        <v>10673584</v>
      </c>
    </row>
    <row r="519" spans="2:3" x14ac:dyDescent="0.25">
      <c r="B519" s="21">
        <v>40695</v>
      </c>
      <c r="C519" s="6">
        <v>10682393</v>
      </c>
    </row>
    <row r="520" spans="2:3" x14ac:dyDescent="0.25">
      <c r="B520" s="21">
        <v>40696</v>
      </c>
      <c r="C520" s="6">
        <v>10604497</v>
      </c>
    </row>
    <row r="521" spans="2:3" x14ac:dyDescent="0.25">
      <c r="B521" s="21">
        <v>40697</v>
      </c>
      <c r="C521" s="6">
        <v>10470927</v>
      </c>
    </row>
    <row r="522" spans="2:3" x14ac:dyDescent="0.25">
      <c r="B522" s="21">
        <v>40698</v>
      </c>
      <c r="C522" s="6">
        <v>9019012</v>
      </c>
    </row>
    <row r="523" spans="2:3" x14ac:dyDescent="0.25">
      <c r="B523" s="21">
        <v>40699</v>
      </c>
      <c r="C523" s="6">
        <v>8803276</v>
      </c>
    </row>
    <row r="524" spans="2:3" x14ac:dyDescent="0.25">
      <c r="B524" s="21">
        <v>40700</v>
      </c>
      <c r="C524" s="6">
        <v>10576447</v>
      </c>
    </row>
    <row r="525" spans="2:3" x14ac:dyDescent="0.25">
      <c r="B525" s="21">
        <v>40701</v>
      </c>
      <c r="C525" s="6">
        <v>10719785</v>
      </c>
    </row>
    <row r="526" spans="2:3" x14ac:dyDescent="0.25">
      <c r="B526" s="21">
        <v>40702</v>
      </c>
      <c r="C526" s="6">
        <v>10846853</v>
      </c>
    </row>
    <row r="527" spans="2:3" x14ac:dyDescent="0.25">
      <c r="B527" s="21">
        <v>40703</v>
      </c>
      <c r="C527" s="6">
        <v>10610666</v>
      </c>
    </row>
    <row r="528" spans="2:3" x14ac:dyDescent="0.25">
      <c r="B528" s="21">
        <v>40704</v>
      </c>
      <c r="C528" s="6">
        <v>10356808</v>
      </c>
    </row>
    <row r="529" spans="2:3" x14ac:dyDescent="0.25">
      <c r="B529" s="21">
        <v>40705</v>
      </c>
      <c r="C529" s="6">
        <v>8731564</v>
      </c>
    </row>
    <row r="530" spans="2:3" x14ac:dyDescent="0.25">
      <c r="B530" s="21">
        <v>40706</v>
      </c>
      <c r="C530" s="6">
        <v>8671856</v>
      </c>
    </row>
    <row r="531" spans="2:3" x14ac:dyDescent="0.25">
      <c r="B531" s="21">
        <v>40707</v>
      </c>
      <c r="C531" s="6">
        <v>10441174</v>
      </c>
    </row>
    <row r="532" spans="2:3" x14ac:dyDescent="0.25">
      <c r="B532" s="21">
        <v>40708</v>
      </c>
      <c r="C532" s="6">
        <v>10735280</v>
      </c>
    </row>
    <row r="533" spans="2:3" x14ac:dyDescent="0.25">
      <c r="B533" s="21">
        <v>40709</v>
      </c>
      <c r="C533" s="6">
        <v>10777971</v>
      </c>
    </row>
    <row r="534" spans="2:3" x14ac:dyDescent="0.25">
      <c r="B534" s="21">
        <v>40710</v>
      </c>
      <c r="C534" s="6">
        <v>10537007</v>
      </c>
    </row>
    <row r="535" spans="2:3" x14ac:dyDescent="0.25">
      <c r="B535" s="21">
        <v>40711</v>
      </c>
      <c r="C535" s="6">
        <v>10531972</v>
      </c>
    </row>
    <row r="536" spans="2:3" x14ac:dyDescent="0.25">
      <c r="B536" s="21">
        <v>40712</v>
      </c>
      <c r="C536" s="6">
        <v>9036502</v>
      </c>
    </row>
    <row r="537" spans="2:3" x14ac:dyDescent="0.25">
      <c r="B537" s="21">
        <v>40713</v>
      </c>
      <c r="C537" s="6">
        <v>8645725</v>
      </c>
    </row>
    <row r="538" spans="2:3" x14ac:dyDescent="0.25">
      <c r="B538" s="21">
        <v>40714</v>
      </c>
      <c r="C538" s="6">
        <v>10454573</v>
      </c>
    </row>
    <row r="539" spans="2:3" x14ac:dyDescent="0.25">
      <c r="B539" s="21">
        <v>40715</v>
      </c>
      <c r="C539" s="6">
        <v>10715653</v>
      </c>
    </row>
    <row r="540" spans="2:3" x14ac:dyDescent="0.25">
      <c r="B540" s="21">
        <v>40716</v>
      </c>
      <c r="C540" s="6">
        <v>10797966</v>
      </c>
    </row>
    <row r="541" spans="2:3" x14ac:dyDescent="0.25">
      <c r="B541" s="21">
        <v>40717</v>
      </c>
      <c r="C541" s="6">
        <v>10654486</v>
      </c>
    </row>
    <row r="542" spans="2:3" x14ac:dyDescent="0.25">
      <c r="B542" s="21">
        <v>40718</v>
      </c>
      <c r="C542" s="6">
        <v>10346787</v>
      </c>
    </row>
    <row r="543" spans="2:3" x14ac:dyDescent="0.25">
      <c r="B543" s="21">
        <v>40719</v>
      </c>
      <c r="C543" s="6">
        <v>8929766</v>
      </c>
    </row>
    <row r="544" spans="2:3" x14ac:dyDescent="0.25">
      <c r="B544" s="21">
        <v>40720</v>
      </c>
      <c r="C544" s="6">
        <v>8717718</v>
      </c>
    </row>
    <row r="545" spans="2:3" x14ac:dyDescent="0.25">
      <c r="B545" s="21">
        <v>40721</v>
      </c>
      <c r="C545" s="6">
        <v>10478021</v>
      </c>
    </row>
    <row r="546" spans="2:3" x14ac:dyDescent="0.25">
      <c r="B546" s="21">
        <v>40722</v>
      </c>
      <c r="C546" s="6">
        <v>10679683</v>
      </c>
    </row>
    <row r="547" spans="2:3" x14ac:dyDescent="0.25">
      <c r="B547" s="21">
        <v>40723</v>
      </c>
      <c r="C547" s="6">
        <v>10756690</v>
      </c>
    </row>
    <row r="548" spans="2:3" x14ac:dyDescent="0.25">
      <c r="B548" s="21">
        <v>40724</v>
      </c>
      <c r="C548" s="6">
        <v>10712345</v>
      </c>
    </row>
    <row r="549" spans="2:3" x14ac:dyDescent="0.25">
      <c r="B549" s="21">
        <v>40725</v>
      </c>
      <c r="C549" s="6">
        <v>10335188</v>
      </c>
    </row>
    <row r="550" spans="2:3" x14ac:dyDescent="0.25">
      <c r="B550" s="21">
        <v>40726</v>
      </c>
      <c r="C550" s="6">
        <v>8846523</v>
      </c>
    </row>
    <row r="551" spans="2:3" x14ac:dyDescent="0.25">
      <c r="B551" s="21">
        <v>40727</v>
      </c>
      <c r="C551" s="6">
        <v>8567580</v>
      </c>
    </row>
    <row r="552" spans="2:3" x14ac:dyDescent="0.25">
      <c r="B552" s="21">
        <v>40728</v>
      </c>
      <c r="C552" s="6">
        <v>9116383</v>
      </c>
    </row>
    <row r="553" spans="2:3" x14ac:dyDescent="0.25">
      <c r="B553" s="21">
        <v>40729</v>
      </c>
      <c r="C553" s="6">
        <v>8527633</v>
      </c>
    </row>
    <row r="554" spans="2:3" x14ac:dyDescent="0.25">
      <c r="B554" s="21">
        <v>40730</v>
      </c>
      <c r="C554" s="6">
        <v>8663829</v>
      </c>
    </row>
    <row r="555" spans="2:3" x14ac:dyDescent="0.25">
      <c r="B555" s="21">
        <v>40731</v>
      </c>
      <c r="C555" s="6">
        <v>9897224</v>
      </c>
    </row>
    <row r="556" spans="2:3" x14ac:dyDescent="0.25">
      <c r="B556" s="21">
        <v>40732</v>
      </c>
      <c r="C556" s="6">
        <v>9866396</v>
      </c>
    </row>
    <row r="557" spans="2:3" x14ac:dyDescent="0.25">
      <c r="B557" s="21">
        <v>40733</v>
      </c>
      <c r="C557" s="6">
        <v>8801574</v>
      </c>
    </row>
    <row r="558" spans="2:3" x14ac:dyDescent="0.25">
      <c r="B558" s="21">
        <v>40734</v>
      </c>
      <c r="C558" s="6">
        <v>8614893</v>
      </c>
    </row>
    <row r="559" spans="2:3" x14ac:dyDescent="0.25">
      <c r="B559" s="21">
        <v>40735</v>
      </c>
      <c r="C559" s="6">
        <v>10147531</v>
      </c>
    </row>
    <row r="560" spans="2:3" x14ac:dyDescent="0.25">
      <c r="B560" s="21">
        <v>40736</v>
      </c>
      <c r="C560" s="6">
        <v>10298884</v>
      </c>
    </row>
    <row r="561" spans="2:3" x14ac:dyDescent="0.25">
      <c r="B561" s="21">
        <v>40737</v>
      </c>
      <c r="C561" s="6">
        <v>10467767</v>
      </c>
    </row>
    <row r="562" spans="2:3" x14ac:dyDescent="0.25">
      <c r="B562" s="21">
        <v>40738</v>
      </c>
      <c r="C562" s="6">
        <v>10447282</v>
      </c>
    </row>
    <row r="563" spans="2:3" x14ac:dyDescent="0.25">
      <c r="B563" s="21">
        <v>40739</v>
      </c>
      <c r="C563" s="6">
        <v>10196592</v>
      </c>
    </row>
    <row r="564" spans="2:3" x14ac:dyDescent="0.25">
      <c r="B564" s="21">
        <v>40740</v>
      </c>
      <c r="C564" s="6">
        <v>8914557</v>
      </c>
    </row>
    <row r="565" spans="2:3" x14ac:dyDescent="0.25">
      <c r="B565" s="21">
        <v>40741</v>
      </c>
      <c r="C565" s="6">
        <v>8670389</v>
      </c>
    </row>
    <row r="566" spans="2:3" x14ac:dyDescent="0.25">
      <c r="B566" s="21">
        <v>40742</v>
      </c>
      <c r="C566" s="6">
        <v>10169479</v>
      </c>
    </row>
    <row r="567" spans="2:3" x14ac:dyDescent="0.25">
      <c r="B567" s="21">
        <v>40743</v>
      </c>
      <c r="C567" s="6">
        <v>10332454</v>
      </c>
    </row>
    <row r="568" spans="2:3" x14ac:dyDescent="0.25">
      <c r="B568" s="21">
        <v>40744</v>
      </c>
      <c r="C568" s="6">
        <v>10452113</v>
      </c>
    </row>
    <row r="569" spans="2:3" x14ac:dyDescent="0.25">
      <c r="B569" s="21">
        <v>40745</v>
      </c>
      <c r="C569" s="6">
        <v>10436873</v>
      </c>
    </row>
    <row r="570" spans="2:3" x14ac:dyDescent="0.25">
      <c r="B570" s="21">
        <v>40746</v>
      </c>
      <c r="C570" s="6">
        <v>10073488</v>
      </c>
    </row>
    <row r="571" spans="2:3" x14ac:dyDescent="0.25">
      <c r="B571" s="21">
        <v>40747</v>
      </c>
      <c r="C571" s="6">
        <v>8641592</v>
      </c>
    </row>
    <row r="572" spans="2:3" x14ac:dyDescent="0.25">
      <c r="B572" s="21">
        <v>40748</v>
      </c>
      <c r="C572" s="6">
        <v>8387947</v>
      </c>
    </row>
    <row r="573" spans="2:3" x14ac:dyDescent="0.25">
      <c r="B573" s="21">
        <v>40749</v>
      </c>
      <c r="C573" s="6">
        <v>9694476</v>
      </c>
    </row>
    <row r="574" spans="2:3" x14ac:dyDescent="0.25">
      <c r="B574" s="21">
        <v>40750</v>
      </c>
      <c r="C574" s="6">
        <v>9826909</v>
      </c>
    </row>
    <row r="575" spans="2:3" x14ac:dyDescent="0.25">
      <c r="B575" s="21">
        <v>40751</v>
      </c>
      <c r="C575" s="6">
        <v>9903773</v>
      </c>
    </row>
    <row r="576" spans="2:3" x14ac:dyDescent="0.25">
      <c r="B576" s="21">
        <v>40752</v>
      </c>
      <c r="C576" s="6">
        <v>9811493</v>
      </c>
    </row>
    <row r="577" spans="2:3" x14ac:dyDescent="0.25">
      <c r="B577" s="21">
        <v>40753</v>
      </c>
      <c r="C577" s="6">
        <v>9577964</v>
      </c>
    </row>
    <row r="578" spans="2:3" x14ac:dyDescent="0.25">
      <c r="B578" s="21">
        <v>40754</v>
      </c>
      <c r="C578" s="6">
        <v>8502106</v>
      </c>
    </row>
    <row r="579" spans="2:3" x14ac:dyDescent="0.25">
      <c r="B579" s="21">
        <v>40755</v>
      </c>
      <c r="C579" s="6">
        <v>8315930</v>
      </c>
    </row>
    <row r="580" spans="2:3" x14ac:dyDescent="0.25">
      <c r="B580" s="21">
        <v>40756</v>
      </c>
      <c r="C580" s="6">
        <v>9541919</v>
      </c>
    </row>
    <row r="581" spans="2:3" x14ac:dyDescent="0.25">
      <c r="B581" s="21">
        <v>40757</v>
      </c>
      <c r="C581" s="6">
        <v>9653931</v>
      </c>
    </row>
    <row r="582" spans="2:3" x14ac:dyDescent="0.25">
      <c r="B582" s="21">
        <v>40758</v>
      </c>
      <c r="C582" s="6">
        <v>9645815</v>
      </c>
    </row>
    <row r="583" spans="2:3" x14ac:dyDescent="0.25">
      <c r="B583" s="21">
        <v>40759</v>
      </c>
      <c r="C583" s="6">
        <v>9708193</v>
      </c>
    </row>
    <row r="584" spans="2:3" x14ac:dyDescent="0.25">
      <c r="B584" s="21">
        <v>40760</v>
      </c>
      <c r="C584" s="6">
        <v>9585690</v>
      </c>
    </row>
    <row r="585" spans="2:3" x14ac:dyDescent="0.25">
      <c r="B585" s="21">
        <v>40761</v>
      </c>
      <c r="C585" s="6">
        <v>8555030</v>
      </c>
    </row>
    <row r="586" spans="2:3" x14ac:dyDescent="0.25">
      <c r="B586" s="21">
        <v>40762</v>
      </c>
      <c r="C586" s="6">
        <v>8464179</v>
      </c>
    </row>
    <row r="587" spans="2:3" x14ac:dyDescent="0.25">
      <c r="B587" s="21">
        <v>40763</v>
      </c>
      <c r="C587" s="6">
        <v>9985257</v>
      </c>
    </row>
    <row r="588" spans="2:3" x14ac:dyDescent="0.25">
      <c r="B588" s="21">
        <v>40764</v>
      </c>
      <c r="C588" s="6">
        <v>10094602</v>
      </c>
    </row>
    <row r="589" spans="2:3" x14ac:dyDescent="0.25">
      <c r="B589" s="21">
        <v>40765</v>
      </c>
      <c r="C589" s="6">
        <v>10119733</v>
      </c>
    </row>
    <row r="590" spans="2:3" x14ac:dyDescent="0.25">
      <c r="B590" s="21">
        <v>40766</v>
      </c>
      <c r="C590" s="6">
        <v>10174509</v>
      </c>
    </row>
    <row r="591" spans="2:3" x14ac:dyDescent="0.25">
      <c r="B591" s="21">
        <v>40767</v>
      </c>
      <c r="C591" s="6">
        <v>10072576</v>
      </c>
    </row>
    <row r="592" spans="2:3" x14ac:dyDescent="0.25">
      <c r="B592" s="21">
        <v>40768</v>
      </c>
      <c r="C592" s="6">
        <v>8795444</v>
      </c>
    </row>
    <row r="593" spans="2:3" x14ac:dyDescent="0.25">
      <c r="B593" s="21">
        <v>40769</v>
      </c>
      <c r="C593" s="6">
        <v>8599142</v>
      </c>
    </row>
    <row r="594" spans="2:3" x14ac:dyDescent="0.25">
      <c r="B594" s="21">
        <v>40770</v>
      </c>
      <c r="C594" s="6">
        <v>10442685</v>
      </c>
    </row>
    <row r="595" spans="2:3" x14ac:dyDescent="0.25">
      <c r="B595" s="21">
        <v>40771</v>
      </c>
      <c r="C595" s="6">
        <v>10542058</v>
      </c>
    </row>
    <row r="596" spans="2:3" x14ac:dyDescent="0.25">
      <c r="B596" s="21">
        <v>40772</v>
      </c>
      <c r="C596" s="6">
        <v>10548816</v>
      </c>
    </row>
    <row r="597" spans="2:3" x14ac:dyDescent="0.25">
      <c r="B597" s="21">
        <v>40773</v>
      </c>
      <c r="C597" s="6">
        <v>10714731</v>
      </c>
    </row>
    <row r="598" spans="2:3" x14ac:dyDescent="0.25">
      <c r="B598" s="21">
        <v>40774</v>
      </c>
      <c r="C598" s="6">
        <v>10679890</v>
      </c>
    </row>
    <row r="599" spans="2:3" x14ac:dyDescent="0.25">
      <c r="B599" s="21">
        <v>40775</v>
      </c>
      <c r="C599" s="6">
        <v>9002549</v>
      </c>
    </row>
    <row r="600" spans="2:3" x14ac:dyDescent="0.25">
      <c r="B600" s="21">
        <v>40776</v>
      </c>
      <c r="C600" s="6">
        <v>8781778</v>
      </c>
    </row>
    <row r="601" spans="2:3" x14ac:dyDescent="0.25">
      <c r="B601" s="21">
        <v>40777</v>
      </c>
      <c r="C601" s="6">
        <v>10635562</v>
      </c>
    </row>
    <row r="602" spans="2:3" x14ac:dyDescent="0.25">
      <c r="B602" s="21">
        <v>40778</v>
      </c>
      <c r="C602" s="6">
        <v>10938325</v>
      </c>
    </row>
    <row r="603" spans="2:3" x14ac:dyDescent="0.25">
      <c r="B603" s="21">
        <v>40779</v>
      </c>
      <c r="C603" s="6">
        <v>10987846</v>
      </c>
    </row>
    <row r="604" spans="2:3" x14ac:dyDescent="0.25">
      <c r="B604" s="21">
        <v>40780</v>
      </c>
      <c r="C604" s="6">
        <v>10820756</v>
      </c>
    </row>
    <row r="605" spans="2:3" x14ac:dyDescent="0.25">
      <c r="B605" s="21">
        <v>40781</v>
      </c>
      <c r="C605" s="6">
        <v>10660625</v>
      </c>
    </row>
    <row r="606" spans="2:3" x14ac:dyDescent="0.25">
      <c r="B606" s="21">
        <v>40782</v>
      </c>
      <c r="C606" s="6">
        <v>9190002</v>
      </c>
    </row>
    <row r="607" spans="2:3" x14ac:dyDescent="0.25">
      <c r="B607" s="21">
        <v>40783</v>
      </c>
      <c r="C607" s="6">
        <v>8615791</v>
      </c>
    </row>
    <row r="608" spans="2:3" x14ac:dyDescent="0.25">
      <c r="B608" s="21">
        <v>40784</v>
      </c>
      <c r="C608" s="6">
        <v>10424870</v>
      </c>
    </row>
    <row r="609" spans="2:3" x14ac:dyDescent="0.25">
      <c r="B609" s="21">
        <v>40785</v>
      </c>
      <c r="C609" s="6">
        <v>10631764</v>
      </c>
    </row>
    <row r="610" spans="2:3" x14ac:dyDescent="0.25">
      <c r="B610" s="21">
        <v>40786</v>
      </c>
      <c r="C610" s="6">
        <v>10664468</v>
      </c>
    </row>
    <row r="611" spans="2:3" x14ac:dyDescent="0.25">
      <c r="B611" s="21">
        <v>40787</v>
      </c>
      <c r="C611" s="6">
        <v>10616497</v>
      </c>
    </row>
    <row r="612" spans="2:3" x14ac:dyDescent="0.25">
      <c r="B612" s="21">
        <v>40788</v>
      </c>
      <c r="C612" s="6">
        <v>10445738</v>
      </c>
    </row>
    <row r="613" spans="2:3" x14ac:dyDescent="0.25">
      <c r="B613" s="21">
        <v>40789</v>
      </c>
      <c r="C613" s="6">
        <v>9034505</v>
      </c>
    </row>
    <row r="614" spans="2:3" x14ac:dyDescent="0.25">
      <c r="B614" s="21">
        <v>40790</v>
      </c>
      <c r="C614" s="6">
        <v>8757326</v>
      </c>
    </row>
    <row r="615" spans="2:3" x14ac:dyDescent="0.25">
      <c r="B615" s="21">
        <v>40791</v>
      </c>
      <c r="C615" s="6">
        <v>10694500</v>
      </c>
    </row>
    <row r="616" spans="2:3" x14ac:dyDescent="0.25">
      <c r="B616" s="21">
        <v>40792</v>
      </c>
      <c r="C616" s="6">
        <v>10605565</v>
      </c>
    </row>
    <row r="617" spans="2:3" x14ac:dyDescent="0.25">
      <c r="B617" s="21">
        <v>40793</v>
      </c>
      <c r="C617" s="6">
        <v>10745322</v>
      </c>
    </row>
    <row r="618" spans="2:3" x14ac:dyDescent="0.25">
      <c r="B618" s="21">
        <v>40794</v>
      </c>
      <c r="C618" s="6">
        <v>10833837</v>
      </c>
    </row>
    <row r="619" spans="2:3" x14ac:dyDescent="0.25">
      <c r="B619" s="21">
        <v>40795</v>
      </c>
      <c r="C619" s="6">
        <v>10471221</v>
      </c>
    </row>
    <row r="620" spans="2:3" x14ac:dyDescent="0.25">
      <c r="B620" s="21">
        <v>40796</v>
      </c>
      <c r="C620" s="6">
        <v>9037603</v>
      </c>
    </row>
    <row r="621" spans="2:3" x14ac:dyDescent="0.25">
      <c r="B621" s="21">
        <v>40797</v>
      </c>
      <c r="C621" s="6">
        <v>8799229</v>
      </c>
    </row>
    <row r="622" spans="2:3" x14ac:dyDescent="0.25">
      <c r="B622" s="21">
        <v>40798</v>
      </c>
      <c r="C622" s="6">
        <v>10534441</v>
      </c>
    </row>
    <row r="623" spans="2:3" x14ac:dyDescent="0.25">
      <c r="B623" s="21">
        <v>40799</v>
      </c>
      <c r="C623" s="6">
        <v>10796806</v>
      </c>
    </row>
    <row r="624" spans="2:3" x14ac:dyDescent="0.25">
      <c r="B624" s="21">
        <v>40800</v>
      </c>
      <c r="C624" s="6">
        <v>10818937</v>
      </c>
    </row>
    <row r="625" spans="2:3" x14ac:dyDescent="0.25">
      <c r="B625" s="21">
        <v>40801</v>
      </c>
      <c r="C625" s="6">
        <v>10710633</v>
      </c>
    </row>
    <row r="626" spans="2:3" x14ac:dyDescent="0.25">
      <c r="B626" s="21">
        <v>40802</v>
      </c>
      <c r="C626" s="6">
        <v>10470154</v>
      </c>
    </row>
    <row r="627" spans="2:3" x14ac:dyDescent="0.25">
      <c r="B627" s="21">
        <v>40803</v>
      </c>
      <c r="C627" s="6">
        <v>9130485</v>
      </c>
    </row>
    <row r="628" spans="2:3" x14ac:dyDescent="0.25">
      <c r="B628" s="21">
        <v>40804</v>
      </c>
      <c r="C628" s="6">
        <v>8954064</v>
      </c>
    </row>
    <row r="629" spans="2:3" x14ac:dyDescent="0.25">
      <c r="B629" s="21">
        <v>40805</v>
      </c>
      <c r="C629" s="6">
        <v>10806585</v>
      </c>
    </row>
    <row r="630" spans="2:3" x14ac:dyDescent="0.25">
      <c r="B630" s="21">
        <v>40806</v>
      </c>
      <c r="C630" s="6">
        <v>11024140</v>
      </c>
    </row>
    <row r="631" spans="2:3" x14ac:dyDescent="0.25">
      <c r="B631" s="21">
        <v>40807</v>
      </c>
      <c r="C631" s="6">
        <v>10941951</v>
      </c>
    </row>
    <row r="632" spans="2:3" x14ac:dyDescent="0.25">
      <c r="B632" s="21">
        <v>40808</v>
      </c>
      <c r="C632" s="6">
        <v>10957820</v>
      </c>
    </row>
    <row r="633" spans="2:3" x14ac:dyDescent="0.25">
      <c r="B633" s="21">
        <v>40809</v>
      </c>
      <c r="C633" s="6">
        <v>10742275</v>
      </c>
    </row>
    <row r="634" spans="2:3" x14ac:dyDescent="0.25">
      <c r="B634" s="21">
        <v>40810</v>
      </c>
      <c r="C634" s="6">
        <v>9223160</v>
      </c>
    </row>
    <row r="635" spans="2:3" x14ac:dyDescent="0.25">
      <c r="B635" s="21">
        <v>40811</v>
      </c>
      <c r="C635" s="6">
        <v>8893354</v>
      </c>
    </row>
    <row r="636" spans="2:3" x14ac:dyDescent="0.25">
      <c r="B636" s="21">
        <v>40812</v>
      </c>
      <c r="C636" s="6">
        <v>10655433</v>
      </c>
    </row>
    <row r="637" spans="2:3" x14ac:dyDescent="0.25">
      <c r="B637" s="21">
        <v>40813</v>
      </c>
      <c r="C637" s="6">
        <v>10723710</v>
      </c>
    </row>
    <row r="638" spans="2:3" x14ac:dyDescent="0.25">
      <c r="B638" s="21">
        <v>40814</v>
      </c>
      <c r="C638" s="6">
        <v>9615031</v>
      </c>
    </row>
    <row r="639" spans="2:3" x14ac:dyDescent="0.25">
      <c r="B639" s="21">
        <v>40815</v>
      </c>
      <c r="C639" s="6">
        <v>10596826</v>
      </c>
    </row>
    <row r="640" spans="2:3" x14ac:dyDescent="0.25">
      <c r="B640" s="21">
        <v>40816</v>
      </c>
      <c r="C640" s="6">
        <v>10457847</v>
      </c>
    </row>
    <row r="641" spans="2:3" x14ac:dyDescent="0.25">
      <c r="B641" s="21">
        <v>40817</v>
      </c>
      <c r="C641" s="6">
        <v>9253138</v>
      </c>
    </row>
    <row r="642" spans="2:3" x14ac:dyDescent="0.25">
      <c r="B642" s="21">
        <v>40818</v>
      </c>
      <c r="C642" s="6">
        <v>8928667</v>
      </c>
    </row>
    <row r="643" spans="2:3" x14ac:dyDescent="0.25">
      <c r="B643" s="21">
        <v>40819</v>
      </c>
      <c r="C643" s="6">
        <v>10694600</v>
      </c>
    </row>
    <row r="644" spans="2:3" x14ac:dyDescent="0.25">
      <c r="B644" s="21">
        <v>40820</v>
      </c>
      <c r="C644" s="6">
        <v>10902785</v>
      </c>
    </row>
    <row r="645" spans="2:3" x14ac:dyDescent="0.25">
      <c r="B645" s="21">
        <v>40821</v>
      </c>
      <c r="C645" s="6">
        <v>11038271</v>
      </c>
    </row>
    <row r="646" spans="2:3" x14ac:dyDescent="0.25">
      <c r="B646" s="21">
        <v>40822</v>
      </c>
      <c r="C646" s="6">
        <v>11032265</v>
      </c>
    </row>
    <row r="647" spans="2:3" x14ac:dyDescent="0.25">
      <c r="B647" s="21">
        <v>40823</v>
      </c>
      <c r="C647" s="6">
        <v>11086578</v>
      </c>
    </row>
    <row r="648" spans="2:3" x14ac:dyDescent="0.25">
      <c r="B648" s="21">
        <v>40824</v>
      </c>
      <c r="C648" s="6">
        <v>9638800</v>
      </c>
    </row>
    <row r="649" spans="2:3" x14ac:dyDescent="0.25">
      <c r="B649" s="21">
        <v>40825</v>
      </c>
      <c r="C649" s="6">
        <v>9528929</v>
      </c>
    </row>
    <row r="650" spans="2:3" x14ac:dyDescent="0.25">
      <c r="B650" s="21">
        <v>40826</v>
      </c>
      <c r="C650" s="6">
        <v>11572853</v>
      </c>
    </row>
    <row r="651" spans="2:3" x14ac:dyDescent="0.25">
      <c r="B651" s="21">
        <v>40827</v>
      </c>
      <c r="C651" s="6">
        <v>11627591</v>
      </c>
    </row>
    <row r="652" spans="2:3" x14ac:dyDescent="0.25">
      <c r="B652" s="21">
        <v>40828</v>
      </c>
      <c r="C652" s="6">
        <v>11677327</v>
      </c>
    </row>
    <row r="653" spans="2:3" x14ac:dyDescent="0.25">
      <c r="B653" s="21">
        <v>40829</v>
      </c>
      <c r="C653" s="6">
        <v>11564130</v>
      </c>
    </row>
    <row r="654" spans="2:3" x14ac:dyDescent="0.25">
      <c r="B654" s="21">
        <v>40830</v>
      </c>
      <c r="C654" s="6">
        <v>11588457</v>
      </c>
    </row>
    <row r="655" spans="2:3" x14ac:dyDescent="0.25">
      <c r="B655" s="21">
        <v>40831</v>
      </c>
      <c r="C655" s="6">
        <v>10261129</v>
      </c>
    </row>
    <row r="656" spans="2:3" x14ac:dyDescent="0.25">
      <c r="B656" s="21">
        <v>40832</v>
      </c>
      <c r="C656" s="6">
        <v>9933933</v>
      </c>
    </row>
    <row r="657" spans="2:3" x14ac:dyDescent="0.25">
      <c r="B657" s="21">
        <v>40833</v>
      </c>
      <c r="C657" s="6">
        <v>11726821</v>
      </c>
    </row>
    <row r="658" spans="2:3" x14ac:dyDescent="0.25">
      <c r="B658" s="21">
        <v>40834</v>
      </c>
      <c r="C658" s="6">
        <v>12044703</v>
      </c>
    </row>
    <row r="659" spans="2:3" x14ac:dyDescent="0.25">
      <c r="B659" s="21">
        <v>40835</v>
      </c>
      <c r="C659" s="6">
        <v>12176083</v>
      </c>
    </row>
    <row r="660" spans="2:3" x14ac:dyDescent="0.25">
      <c r="B660" s="21">
        <v>40836</v>
      </c>
      <c r="C660" s="6">
        <v>12139512</v>
      </c>
    </row>
    <row r="661" spans="2:3" x14ac:dyDescent="0.25">
      <c r="B661" s="21">
        <v>40837</v>
      </c>
      <c r="C661" s="6">
        <v>12072428</v>
      </c>
    </row>
    <row r="662" spans="2:3" x14ac:dyDescent="0.25">
      <c r="B662" s="21">
        <v>40838</v>
      </c>
      <c r="C662" s="6">
        <v>10735072</v>
      </c>
    </row>
    <row r="663" spans="2:3" x14ac:dyDescent="0.25">
      <c r="B663" s="21">
        <v>40839</v>
      </c>
      <c r="C663" s="6">
        <v>10403499</v>
      </c>
    </row>
    <row r="664" spans="2:3" x14ac:dyDescent="0.25">
      <c r="B664" s="21">
        <v>40840</v>
      </c>
      <c r="C664" s="6">
        <v>12133544</v>
      </c>
    </row>
    <row r="665" spans="2:3" x14ac:dyDescent="0.25">
      <c r="B665" s="21">
        <v>40841</v>
      </c>
      <c r="C665" s="6">
        <v>12294997</v>
      </c>
    </row>
    <row r="666" spans="2:3" x14ac:dyDescent="0.25">
      <c r="B666" s="21">
        <v>40842</v>
      </c>
      <c r="C666" s="6">
        <v>12101184</v>
      </c>
    </row>
    <row r="667" spans="2:3" x14ac:dyDescent="0.25">
      <c r="B667" s="21">
        <v>40843</v>
      </c>
      <c r="C667" s="6">
        <v>12105740</v>
      </c>
    </row>
    <row r="668" spans="2:3" x14ac:dyDescent="0.25">
      <c r="B668" s="21">
        <v>40844</v>
      </c>
      <c r="C668" s="6">
        <v>10284382</v>
      </c>
    </row>
    <row r="669" spans="2:3" x14ac:dyDescent="0.25">
      <c r="B669" s="21">
        <v>40845</v>
      </c>
      <c r="C669" s="6">
        <v>9944290</v>
      </c>
    </row>
    <row r="670" spans="2:3" x14ac:dyDescent="0.25">
      <c r="B670" s="21">
        <v>40846</v>
      </c>
      <c r="C670" s="6">
        <v>10289183</v>
      </c>
    </row>
    <row r="671" spans="2:3" x14ac:dyDescent="0.25">
      <c r="B671" s="21">
        <v>40847</v>
      </c>
      <c r="C671" s="6">
        <v>11714213</v>
      </c>
    </row>
    <row r="672" spans="2:3" x14ac:dyDescent="0.25">
      <c r="B672" s="21">
        <v>40848</v>
      </c>
      <c r="C672" s="6">
        <v>11931996</v>
      </c>
    </row>
    <row r="673" spans="2:3" x14ac:dyDescent="0.25">
      <c r="B673" s="21">
        <v>40849</v>
      </c>
      <c r="C673" s="6">
        <v>12185276</v>
      </c>
    </row>
    <row r="674" spans="2:3" x14ac:dyDescent="0.25">
      <c r="B674" s="21">
        <v>40850</v>
      </c>
      <c r="C674" s="6">
        <v>12151653</v>
      </c>
    </row>
    <row r="675" spans="2:3" x14ac:dyDescent="0.25">
      <c r="B675" s="21">
        <v>40851</v>
      </c>
      <c r="C675" s="6">
        <v>12073412</v>
      </c>
    </row>
    <row r="676" spans="2:3" x14ac:dyDescent="0.25">
      <c r="B676" s="21">
        <v>40852</v>
      </c>
      <c r="C676" s="6">
        <v>10567242</v>
      </c>
    </row>
    <row r="677" spans="2:3" x14ac:dyDescent="0.25">
      <c r="B677" s="21">
        <v>40853</v>
      </c>
      <c r="C677" s="6">
        <v>10158881</v>
      </c>
    </row>
    <row r="678" spans="2:3" x14ac:dyDescent="0.25">
      <c r="B678" s="21">
        <v>40854</v>
      </c>
      <c r="C678" s="6">
        <v>11860812</v>
      </c>
    </row>
    <row r="679" spans="2:3" x14ac:dyDescent="0.25">
      <c r="B679" s="21">
        <v>40855</v>
      </c>
      <c r="C679" s="6">
        <v>12198174</v>
      </c>
    </row>
    <row r="680" spans="2:3" x14ac:dyDescent="0.25">
      <c r="B680" s="21">
        <v>40856</v>
      </c>
      <c r="C680" s="6">
        <v>12188173</v>
      </c>
    </row>
    <row r="681" spans="2:3" x14ac:dyDescent="0.25">
      <c r="B681" s="21">
        <v>40857</v>
      </c>
      <c r="C681" s="6">
        <v>12332361</v>
      </c>
    </row>
    <row r="682" spans="2:3" x14ac:dyDescent="0.25">
      <c r="B682" s="21">
        <v>40858</v>
      </c>
      <c r="C682" s="6">
        <v>12343037</v>
      </c>
    </row>
    <row r="683" spans="2:3" x14ac:dyDescent="0.25">
      <c r="B683" s="21">
        <v>40859</v>
      </c>
      <c r="C683" s="6">
        <v>10951851</v>
      </c>
    </row>
    <row r="684" spans="2:3" x14ac:dyDescent="0.25">
      <c r="B684" s="21">
        <v>40860</v>
      </c>
      <c r="C684" s="6">
        <v>10813710</v>
      </c>
    </row>
    <row r="685" spans="2:3" x14ac:dyDescent="0.25">
      <c r="B685" s="21">
        <v>40861</v>
      </c>
      <c r="C685" s="6">
        <v>12718203</v>
      </c>
    </row>
    <row r="686" spans="2:3" x14ac:dyDescent="0.25">
      <c r="B686" s="21">
        <v>40862</v>
      </c>
      <c r="C686" s="6">
        <v>13161835</v>
      </c>
    </row>
    <row r="687" spans="2:3" x14ac:dyDescent="0.25">
      <c r="B687" s="21">
        <v>40863</v>
      </c>
      <c r="C687" s="6">
        <v>13205286</v>
      </c>
    </row>
    <row r="688" spans="2:3" x14ac:dyDescent="0.25">
      <c r="B688" s="21">
        <v>40864</v>
      </c>
      <c r="C688" s="6">
        <v>11916198</v>
      </c>
    </row>
    <row r="689" spans="2:3" x14ac:dyDescent="0.25">
      <c r="B689" s="21">
        <v>40865</v>
      </c>
      <c r="C689" s="6">
        <v>12059747</v>
      </c>
    </row>
    <row r="690" spans="2:3" x14ac:dyDescent="0.25">
      <c r="B690" s="21">
        <v>40866</v>
      </c>
      <c r="C690" s="6">
        <v>11093735</v>
      </c>
    </row>
    <row r="691" spans="2:3" x14ac:dyDescent="0.25">
      <c r="B691" s="21">
        <v>40867</v>
      </c>
      <c r="C691" s="6">
        <v>10918731</v>
      </c>
    </row>
    <row r="692" spans="2:3" x14ac:dyDescent="0.25">
      <c r="B692" s="21">
        <v>40868</v>
      </c>
      <c r="C692" s="6">
        <v>12960910</v>
      </c>
    </row>
    <row r="693" spans="2:3" x14ac:dyDescent="0.25">
      <c r="B693" s="21">
        <v>40869</v>
      </c>
      <c r="C693" s="6">
        <v>13197402</v>
      </c>
    </row>
    <row r="694" spans="2:3" x14ac:dyDescent="0.25">
      <c r="B694" s="21">
        <v>40870</v>
      </c>
      <c r="C694" s="6">
        <v>13454357</v>
      </c>
    </row>
    <row r="695" spans="2:3" x14ac:dyDescent="0.25">
      <c r="B695" s="21">
        <v>40871</v>
      </c>
      <c r="C695" s="6">
        <v>13458414</v>
      </c>
    </row>
    <row r="696" spans="2:3" x14ac:dyDescent="0.25">
      <c r="B696" s="21">
        <v>40872</v>
      </c>
      <c r="C696" s="6">
        <v>13297060</v>
      </c>
    </row>
    <row r="697" spans="2:3" x14ac:dyDescent="0.25">
      <c r="B697" s="21">
        <v>40873</v>
      </c>
      <c r="C697" s="6">
        <v>11731454</v>
      </c>
    </row>
    <row r="698" spans="2:3" x14ac:dyDescent="0.25">
      <c r="B698" s="21">
        <v>40874</v>
      </c>
      <c r="C698" s="6">
        <v>11166530</v>
      </c>
    </row>
    <row r="699" spans="2:3" x14ac:dyDescent="0.25">
      <c r="B699" s="21">
        <v>40875</v>
      </c>
      <c r="C699" s="6">
        <v>12866434</v>
      </c>
    </row>
    <row r="700" spans="2:3" x14ac:dyDescent="0.25">
      <c r="B700" s="21">
        <v>40876</v>
      </c>
      <c r="C700" s="6">
        <v>13268627</v>
      </c>
    </row>
    <row r="701" spans="2:3" x14ac:dyDescent="0.25">
      <c r="B701" s="21">
        <v>40877</v>
      </c>
      <c r="C701" s="6">
        <v>13445721</v>
      </c>
    </row>
    <row r="702" spans="2:3" x14ac:dyDescent="0.25">
      <c r="B702" s="21">
        <v>40878</v>
      </c>
      <c r="C702" s="6">
        <v>13283251</v>
      </c>
    </row>
    <row r="703" spans="2:3" x14ac:dyDescent="0.25">
      <c r="B703" s="21">
        <v>40879</v>
      </c>
      <c r="C703" s="6">
        <v>13004653</v>
      </c>
    </row>
    <row r="704" spans="2:3" x14ac:dyDescent="0.25">
      <c r="B704" s="21">
        <v>40880</v>
      </c>
      <c r="C704" s="6">
        <v>11431253</v>
      </c>
    </row>
    <row r="705" spans="2:3" x14ac:dyDescent="0.25">
      <c r="B705" s="21">
        <v>40881</v>
      </c>
      <c r="C705" s="6">
        <v>10956889</v>
      </c>
    </row>
    <row r="706" spans="2:3" x14ac:dyDescent="0.25">
      <c r="B706" s="21">
        <v>40882</v>
      </c>
      <c r="C706" s="6">
        <v>12712704</v>
      </c>
    </row>
    <row r="707" spans="2:3" x14ac:dyDescent="0.25">
      <c r="B707" s="21">
        <v>40883</v>
      </c>
      <c r="C707" s="6">
        <v>13099007</v>
      </c>
    </row>
    <row r="708" spans="2:3" x14ac:dyDescent="0.25">
      <c r="B708" s="21">
        <v>40884</v>
      </c>
      <c r="C708" s="6">
        <v>13254142</v>
      </c>
    </row>
    <row r="709" spans="2:3" x14ac:dyDescent="0.25">
      <c r="B709" s="21">
        <v>40885</v>
      </c>
      <c r="C709" s="6">
        <v>13192347</v>
      </c>
    </row>
    <row r="710" spans="2:3" x14ac:dyDescent="0.25">
      <c r="B710" s="21">
        <v>40886</v>
      </c>
      <c r="C710" s="6">
        <v>12936566</v>
      </c>
    </row>
    <row r="711" spans="2:3" x14ac:dyDescent="0.25">
      <c r="B711" s="21">
        <v>40887</v>
      </c>
      <c r="C711" s="6">
        <v>11377486</v>
      </c>
    </row>
    <row r="712" spans="2:3" x14ac:dyDescent="0.25">
      <c r="B712" s="21">
        <v>40888</v>
      </c>
      <c r="C712" s="6">
        <v>11191416</v>
      </c>
    </row>
    <row r="713" spans="2:3" x14ac:dyDescent="0.25">
      <c r="B713" s="21">
        <v>40889</v>
      </c>
      <c r="C713" s="6">
        <v>13149677</v>
      </c>
    </row>
    <row r="714" spans="2:3" x14ac:dyDescent="0.25">
      <c r="B714" s="21">
        <v>40890</v>
      </c>
      <c r="C714" s="6">
        <v>13145021</v>
      </c>
    </row>
    <row r="715" spans="2:3" x14ac:dyDescent="0.25">
      <c r="B715" s="21">
        <v>40891</v>
      </c>
      <c r="C715" s="6">
        <v>13106494</v>
      </c>
    </row>
    <row r="716" spans="2:3" x14ac:dyDescent="0.25">
      <c r="B716" s="21">
        <v>40892</v>
      </c>
      <c r="C716" s="6">
        <v>13051103</v>
      </c>
    </row>
    <row r="717" spans="2:3" x14ac:dyDescent="0.25">
      <c r="B717" s="21">
        <v>40893</v>
      </c>
      <c r="C717" s="6">
        <v>12811758</v>
      </c>
    </row>
    <row r="718" spans="2:3" x14ac:dyDescent="0.25">
      <c r="B718" s="21">
        <v>40894</v>
      </c>
      <c r="C718" s="6">
        <v>11231533</v>
      </c>
    </row>
    <row r="719" spans="2:3" x14ac:dyDescent="0.25">
      <c r="B719" s="21">
        <v>40895</v>
      </c>
      <c r="C719" s="6">
        <v>11038270</v>
      </c>
    </row>
    <row r="720" spans="2:3" x14ac:dyDescent="0.25">
      <c r="B720" s="21">
        <v>40896</v>
      </c>
      <c r="C720" s="6">
        <v>12743271</v>
      </c>
    </row>
    <row r="721" spans="2:3" x14ac:dyDescent="0.25">
      <c r="B721" s="21">
        <v>40897</v>
      </c>
      <c r="C721" s="6">
        <v>12818530</v>
      </c>
    </row>
    <row r="722" spans="2:3" x14ac:dyDescent="0.25">
      <c r="B722" s="21">
        <v>40898</v>
      </c>
      <c r="C722" s="6">
        <v>12736380</v>
      </c>
    </row>
    <row r="723" spans="2:3" x14ac:dyDescent="0.25">
      <c r="B723" s="21">
        <v>40899</v>
      </c>
      <c r="C723" s="6">
        <v>12138255</v>
      </c>
    </row>
    <row r="724" spans="2:3" x14ac:dyDescent="0.25">
      <c r="B724" s="21">
        <v>40900</v>
      </c>
      <c r="C724" s="6">
        <v>11246295</v>
      </c>
    </row>
    <row r="725" spans="2:3" x14ac:dyDescent="0.25">
      <c r="B725" s="21">
        <v>40901</v>
      </c>
      <c r="C725" s="6">
        <v>9417009</v>
      </c>
    </row>
    <row r="726" spans="2:3" x14ac:dyDescent="0.25">
      <c r="B726" s="21">
        <v>40902</v>
      </c>
      <c r="C726" s="6">
        <v>9058488</v>
      </c>
    </row>
    <row r="727" spans="2:3" x14ac:dyDescent="0.25">
      <c r="B727" s="21">
        <v>40903</v>
      </c>
      <c r="C727" s="6">
        <v>9355924</v>
      </c>
    </row>
    <row r="728" spans="2:3" x14ac:dyDescent="0.25">
      <c r="B728" s="21">
        <v>40904</v>
      </c>
      <c r="C728" s="6">
        <v>10328116</v>
      </c>
    </row>
    <row r="729" spans="2:3" x14ac:dyDescent="0.25">
      <c r="B729" s="21">
        <v>40905</v>
      </c>
      <c r="C729" s="6">
        <v>10478303</v>
      </c>
    </row>
    <row r="730" spans="2:3" x14ac:dyDescent="0.25">
      <c r="B730" s="21">
        <v>40906</v>
      </c>
      <c r="C730" s="6">
        <v>10459422</v>
      </c>
    </row>
    <row r="731" spans="2:3" x14ac:dyDescent="0.25">
      <c r="B731" s="21">
        <v>40907</v>
      </c>
      <c r="C731" s="6">
        <v>10357069</v>
      </c>
    </row>
    <row r="732" spans="2:3" x14ac:dyDescent="0.25">
      <c r="B732" s="21">
        <v>40908</v>
      </c>
      <c r="C732" s="6">
        <v>9574944</v>
      </c>
    </row>
    <row r="733" spans="2:3" x14ac:dyDescent="0.25">
      <c r="B733" s="21">
        <v>40909</v>
      </c>
      <c r="C733" s="6">
        <v>9111558</v>
      </c>
    </row>
    <row r="734" spans="2:3" x14ac:dyDescent="0.25">
      <c r="B734" s="21">
        <v>40910</v>
      </c>
      <c r="C734" s="6">
        <v>11553855</v>
      </c>
    </row>
    <row r="735" spans="2:3" x14ac:dyDescent="0.25">
      <c r="B735" s="21">
        <v>40911</v>
      </c>
      <c r="C735" s="6">
        <v>12228097</v>
      </c>
    </row>
    <row r="736" spans="2:3" x14ac:dyDescent="0.25">
      <c r="B736" s="21">
        <v>40912</v>
      </c>
      <c r="C736" s="6">
        <v>12412531</v>
      </c>
    </row>
    <row r="737" spans="2:3" x14ac:dyDescent="0.25">
      <c r="B737" s="21">
        <v>40913</v>
      </c>
      <c r="C737" s="6">
        <v>12642379</v>
      </c>
    </row>
    <row r="738" spans="2:3" x14ac:dyDescent="0.25">
      <c r="B738" s="21">
        <v>40914</v>
      </c>
      <c r="C738" s="6">
        <v>12289610</v>
      </c>
    </row>
    <row r="739" spans="2:3" x14ac:dyDescent="0.25">
      <c r="B739" s="21">
        <v>40915</v>
      </c>
      <c r="C739" s="6">
        <v>11098175</v>
      </c>
    </row>
    <row r="740" spans="2:3" x14ac:dyDescent="0.25">
      <c r="B740" s="21">
        <v>40916</v>
      </c>
      <c r="C740" s="6">
        <v>10700883</v>
      </c>
    </row>
    <row r="741" spans="2:3" x14ac:dyDescent="0.25">
      <c r="B741" s="21">
        <v>40917</v>
      </c>
      <c r="C741" s="6">
        <v>12642458</v>
      </c>
    </row>
    <row r="742" spans="2:3" x14ac:dyDescent="0.25">
      <c r="B742" s="21">
        <v>40918</v>
      </c>
      <c r="C742" s="6">
        <v>12829346</v>
      </c>
    </row>
    <row r="743" spans="2:3" x14ac:dyDescent="0.25">
      <c r="B743" s="21">
        <v>40919</v>
      </c>
      <c r="C743" s="6">
        <v>12791262</v>
      </c>
    </row>
    <row r="744" spans="2:3" x14ac:dyDescent="0.25">
      <c r="B744" s="21">
        <v>40920</v>
      </c>
      <c r="C744" s="6">
        <v>12627725</v>
      </c>
    </row>
    <row r="745" spans="2:3" x14ac:dyDescent="0.25">
      <c r="B745" s="21">
        <v>40921</v>
      </c>
      <c r="C745" s="6">
        <v>12603572</v>
      </c>
    </row>
    <row r="746" spans="2:3" x14ac:dyDescent="0.25">
      <c r="B746" s="21">
        <v>40922</v>
      </c>
      <c r="C746" s="6">
        <v>11275132</v>
      </c>
    </row>
    <row r="747" spans="2:3" x14ac:dyDescent="0.25">
      <c r="B747" s="21">
        <v>40923</v>
      </c>
      <c r="C747" s="6">
        <v>11101904</v>
      </c>
    </row>
    <row r="748" spans="2:3" x14ac:dyDescent="0.25">
      <c r="B748" s="21">
        <v>40924</v>
      </c>
      <c r="C748" s="6">
        <v>13163125</v>
      </c>
    </row>
    <row r="749" spans="2:3" x14ac:dyDescent="0.25">
      <c r="B749" s="21">
        <v>40925</v>
      </c>
      <c r="C749" s="6">
        <v>13387834</v>
      </c>
    </row>
    <row r="750" spans="2:3" x14ac:dyDescent="0.25">
      <c r="B750" s="21">
        <v>40926</v>
      </c>
      <c r="C750" s="6">
        <v>13216146</v>
      </c>
    </row>
    <row r="751" spans="2:3" x14ac:dyDescent="0.25">
      <c r="B751" s="21">
        <v>40927</v>
      </c>
      <c r="C751" s="6">
        <v>13253446</v>
      </c>
    </row>
    <row r="752" spans="2:3" x14ac:dyDescent="0.25">
      <c r="B752" s="21">
        <v>40928</v>
      </c>
      <c r="C752" s="6">
        <v>12867182</v>
      </c>
    </row>
    <row r="753" spans="2:3" x14ac:dyDescent="0.25">
      <c r="B753" s="21">
        <v>40929</v>
      </c>
      <c r="C753" s="6">
        <v>11113139</v>
      </c>
    </row>
    <row r="754" spans="2:3" x14ac:dyDescent="0.25">
      <c r="B754" s="21">
        <v>40930</v>
      </c>
      <c r="C754" s="6">
        <v>10990210</v>
      </c>
    </row>
    <row r="755" spans="2:3" x14ac:dyDescent="0.25">
      <c r="B755" s="21">
        <v>40931</v>
      </c>
      <c r="C755" s="6">
        <v>12806298</v>
      </c>
    </row>
    <row r="756" spans="2:3" x14ac:dyDescent="0.25">
      <c r="B756" s="21">
        <v>40932</v>
      </c>
      <c r="C756" s="6">
        <v>13060850</v>
      </c>
    </row>
    <row r="757" spans="2:3" x14ac:dyDescent="0.25">
      <c r="B757" s="21">
        <v>40933</v>
      </c>
      <c r="C757" s="6">
        <v>13193707</v>
      </c>
    </row>
    <row r="758" spans="2:3" x14ac:dyDescent="0.25">
      <c r="B758" s="21">
        <v>40934</v>
      </c>
      <c r="C758" s="6">
        <v>13234165</v>
      </c>
    </row>
    <row r="759" spans="2:3" x14ac:dyDescent="0.25">
      <c r="B759" s="21">
        <v>40935</v>
      </c>
      <c r="C759" s="6">
        <v>13195240</v>
      </c>
    </row>
    <row r="760" spans="2:3" x14ac:dyDescent="0.25">
      <c r="B760" s="21">
        <v>40936</v>
      </c>
      <c r="C760" s="6">
        <v>11701100</v>
      </c>
    </row>
    <row r="761" spans="2:3" x14ac:dyDescent="0.25">
      <c r="B761" s="21">
        <v>40937</v>
      </c>
      <c r="C761" s="6">
        <v>11416293</v>
      </c>
    </row>
    <row r="762" spans="2:3" x14ac:dyDescent="0.25">
      <c r="B762" s="21">
        <v>40938</v>
      </c>
      <c r="C762" s="6">
        <v>13434746</v>
      </c>
    </row>
    <row r="763" spans="2:3" x14ac:dyDescent="0.25">
      <c r="B763" s="21">
        <v>40939</v>
      </c>
      <c r="C763" s="6">
        <v>13914045</v>
      </c>
    </row>
    <row r="764" spans="2:3" x14ac:dyDescent="0.25">
      <c r="B764" s="21">
        <v>40940</v>
      </c>
      <c r="C764" s="6">
        <v>14288945</v>
      </c>
    </row>
    <row r="765" spans="2:3" x14ac:dyDescent="0.25">
      <c r="B765" s="21">
        <v>40941</v>
      </c>
      <c r="C765" s="6">
        <v>14483937</v>
      </c>
    </row>
    <row r="766" spans="2:3" x14ac:dyDescent="0.25">
      <c r="B766" s="21">
        <v>40942</v>
      </c>
      <c r="C766" s="6">
        <v>14463270</v>
      </c>
    </row>
    <row r="767" spans="2:3" x14ac:dyDescent="0.25">
      <c r="B767" s="21">
        <v>40943</v>
      </c>
      <c r="C767" s="6">
        <v>13159707</v>
      </c>
    </row>
    <row r="768" spans="2:3" x14ac:dyDescent="0.25">
      <c r="B768" s="21">
        <v>40944</v>
      </c>
      <c r="C768" s="6">
        <v>12860698</v>
      </c>
    </row>
    <row r="769" spans="2:3" x14ac:dyDescent="0.25">
      <c r="B769" s="21">
        <v>40945</v>
      </c>
      <c r="C769" s="6">
        <v>14813948</v>
      </c>
    </row>
    <row r="770" spans="2:3" x14ac:dyDescent="0.25">
      <c r="B770" s="21">
        <v>40946</v>
      </c>
      <c r="C770" s="6">
        <v>15094249</v>
      </c>
    </row>
    <row r="771" spans="2:3" x14ac:dyDescent="0.25">
      <c r="B771" s="21">
        <v>40947</v>
      </c>
      <c r="C771" s="6">
        <v>14949923</v>
      </c>
    </row>
    <row r="772" spans="2:3" x14ac:dyDescent="0.25">
      <c r="B772" s="21">
        <v>40948</v>
      </c>
      <c r="C772" s="6">
        <v>14809027</v>
      </c>
    </row>
    <row r="773" spans="2:3" x14ac:dyDescent="0.25">
      <c r="B773" s="21">
        <v>40949</v>
      </c>
      <c r="C773" s="6">
        <v>14612700</v>
      </c>
    </row>
    <row r="774" spans="2:3" x14ac:dyDescent="0.25">
      <c r="B774" s="21">
        <v>40950</v>
      </c>
      <c r="C774" s="6">
        <v>13326703</v>
      </c>
    </row>
    <row r="775" spans="2:3" x14ac:dyDescent="0.25">
      <c r="B775" s="21">
        <v>40951</v>
      </c>
      <c r="C775" s="6">
        <v>13025628</v>
      </c>
    </row>
    <row r="776" spans="2:3" x14ac:dyDescent="0.25">
      <c r="B776" s="21">
        <v>40952</v>
      </c>
      <c r="C776" s="6">
        <v>14755544</v>
      </c>
    </row>
    <row r="777" spans="2:3" x14ac:dyDescent="0.25">
      <c r="B777" s="21">
        <v>40953</v>
      </c>
      <c r="C777" s="6">
        <v>14520712</v>
      </c>
    </row>
    <row r="778" spans="2:3" x14ac:dyDescent="0.25">
      <c r="B778" s="21">
        <v>40954</v>
      </c>
      <c r="C778" s="6">
        <v>14210289</v>
      </c>
    </row>
    <row r="779" spans="2:3" x14ac:dyDescent="0.25">
      <c r="B779" s="21">
        <v>40955</v>
      </c>
      <c r="C779" s="6">
        <v>13921541</v>
      </c>
    </row>
    <row r="780" spans="2:3" x14ac:dyDescent="0.25">
      <c r="B780" s="21">
        <v>40956</v>
      </c>
      <c r="C780" s="6">
        <v>13627469</v>
      </c>
    </row>
    <row r="781" spans="2:3" x14ac:dyDescent="0.25">
      <c r="B781" s="21">
        <v>40957</v>
      </c>
      <c r="C781" s="6">
        <v>11764405</v>
      </c>
    </row>
    <row r="782" spans="2:3" x14ac:dyDescent="0.25">
      <c r="B782" s="21">
        <v>40958</v>
      </c>
      <c r="C782" s="6">
        <v>11429000</v>
      </c>
    </row>
    <row r="783" spans="2:3" x14ac:dyDescent="0.25">
      <c r="B783" s="21">
        <v>40959</v>
      </c>
      <c r="C783" s="6">
        <v>13093554</v>
      </c>
    </row>
    <row r="784" spans="2:3" x14ac:dyDescent="0.25">
      <c r="B784" s="21">
        <v>40960</v>
      </c>
      <c r="C784" s="6">
        <v>13391901</v>
      </c>
    </row>
    <row r="785" spans="2:3" x14ac:dyDescent="0.25">
      <c r="B785" s="21">
        <v>40961</v>
      </c>
      <c r="C785" s="6">
        <v>13210414</v>
      </c>
    </row>
    <row r="786" spans="2:3" x14ac:dyDescent="0.25">
      <c r="B786" s="21">
        <v>40962</v>
      </c>
      <c r="C786" s="6">
        <v>13157137</v>
      </c>
    </row>
    <row r="787" spans="2:3" x14ac:dyDescent="0.25">
      <c r="B787" s="21">
        <v>40963</v>
      </c>
      <c r="C787" s="6">
        <v>12643971</v>
      </c>
    </row>
    <row r="788" spans="2:3" x14ac:dyDescent="0.25">
      <c r="B788" s="21">
        <v>40964</v>
      </c>
      <c r="C788" s="6">
        <v>10914257</v>
      </c>
    </row>
    <row r="789" spans="2:3" x14ac:dyDescent="0.25">
      <c r="B789" s="21">
        <v>40965</v>
      </c>
      <c r="C789" s="6">
        <v>10718624</v>
      </c>
    </row>
    <row r="790" spans="2:3" x14ac:dyDescent="0.25">
      <c r="B790" s="21">
        <v>40966</v>
      </c>
      <c r="C790" s="6">
        <v>12657641</v>
      </c>
    </row>
    <row r="791" spans="2:3" x14ac:dyDescent="0.25">
      <c r="B791" s="21">
        <v>40967</v>
      </c>
      <c r="C791" s="6">
        <v>12923639</v>
      </c>
    </row>
    <row r="792" spans="2:3" x14ac:dyDescent="0.25">
      <c r="B792" s="21">
        <v>40968</v>
      </c>
      <c r="C792" s="6">
        <v>12531878</v>
      </c>
    </row>
    <row r="793" spans="2:3" x14ac:dyDescent="0.25">
      <c r="B793" s="21">
        <v>40969</v>
      </c>
      <c r="C793" s="6">
        <v>12332527</v>
      </c>
    </row>
    <row r="794" spans="2:3" x14ac:dyDescent="0.25">
      <c r="B794" s="21">
        <v>40970</v>
      </c>
      <c r="C794" s="6">
        <v>12071160</v>
      </c>
    </row>
    <row r="795" spans="2:3" x14ac:dyDescent="0.25">
      <c r="B795" s="21">
        <v>40971</v>
      </c>
      <c r="C795" s="6">
        <v>10584039</v>
      </c>
    </row>
    <row r="796" spans="2:3" x14ac:dyDescent="0.25">
      <c r="B796" s="21">
        <v>40972</v>
      </c>
      <c r="C796" s="6">
        <v>10367427</v>
      </c>
    </row>
    <row r="797" spans="2:3" x14ac:dyDescent="0.25">
      <c r="B797" s="21">
        <v>40973</v>
      </c>
      <c r="C797" s="6">
        <v>12173514</v>
      </c>
    </row>
    <row r="798" spans="2:3" x14ac:dyDescent="0.25">
      <c r="B798" s="21">
        <v>40974</v>
      </c>
      <c r="C798" s="6">
        <v>12482467</v>
      </c>
    </row>
    <row r="799" spans="2:3" x14ac:dyDescent="0.25">
      <c r="B799" s="21">
        <v>40975</v>
      </c>
      <c r="C799" s="6">
        <v>12547157</v>
      </c>
    </row>
    <row r="800" spans="2:3" x14ac:dyDescent="0.25">
      <c r="B800" s="21">
        <v>40976</v>
      </c>
      <c r="C800" s="6">
        <v>12703181</v>
      </c>
    </row>
    <row r="801" spans="2:3" x14ac:dyDescent="0.25">
      <c r="B801" s="21">
        <v>40977</v>
      </c>
      <c r="C801" s="6">
        <v>12322856</v>
      </c>
    </row>
    <row r="802" spans="2:3" x14ac:dyDescent="0.25">
      <c r="B802" s="21">
        <v>40978</v>
      </c>
      <c r="C802" s="6">
        <v>10765220</v>
      </c>
    </row>
    <row r="803" spans="2:3" x14ac:dyDescent="0.25">
      <c r="B803" s="21">
        <v>40979</v>
      </c>
      <c r="C803" s="6">
        <v>10402617</v>
      </c>
    </row>
    <row r="804" spans="2:3" x14ac:dyDescent="0.25">
      <c r="B804" s="21">
        <v>40980</v>
      </c>
      <c r="C804" s="6">
        <v>12310303</v>
      </c>
    </row>
    <row r="805" spans="2:3" x14ac:dyDescent="0.25">
      <c r="B805" s="21">
        <v>40981</v>
      </c>
      <c r="C805" s="6">
        <v>12396375</v>
      </c>
    </row>
    <row r="806" spans="2:3" x14ac:dyDescent="0.25">
      <c r="B806" s="21">
        <v>40982</v>
      </c>
      <c r="C806" s="6">
        <v>12493728</v>
      </c>
    </row>
    <row r="807" spans="2:3" x14ac:dyDescent="0.25">
      <c r="B807" s="21">
        <v>40983</v>
      </c>
      <c r="C807" s="6">
        <v>12247317</v>
      </c>
    </row>
    <row r="808" spans="2:3" x14ac:dyDescent="0.25">
      <c r="B808" s="21">
        <v>40984</v>
      </c>
      <c r="C808" s="6">
        <v>11857580</v>
      </c>
    </row>
    <row r="809" spans="2:3" x14ac:dyDescent="0.25">
      <c r="B809" s="21">
        <v>40985</v>
      </c>
      <c r="C809" s="6">
        <v>10053177</v>
      </c>
    </row>
    <row r="810" spans="2:3" x14ac:dyDescent="0.25">
      <c r="B810" s="21">
        <v>40986</v>
      </c>
      <c r="C810" s="6">
        <v>9617411</v>
      </c>
    </row>
    <row r="811" spans="2:3" x14ac:dyDescent="0.25">
      <c r="B811" s="21">
        <v>40987</v>
      </c>
      <c r="C811" s="6">
        <v>11477435</v>
      </c>
    </row>
    <row r="812" spans="2:3" x14ac:dyDescent="0.25">
      <c r="B812" s="21">
        <v>40988</v>
      </c>
      <c r="C812" s="6">
        <v>11759988</v>
      </c>
    </row>
    <row r="813" spans="2:3" x14ac:dyDescent="0.25">
      <c r="B813" s="21">
        <v>40989</v>
      </c>
      <c r="C813" s="6">
        <v>11652047</v>
      </c>
    </row>
    <row r="814" spans="2:3" x14ac:dyDescent="0.25">
      <c r="B814" s="21">
        <v>40990</v>
      </c>
      <c r="C814" s="6">
        <v>11605651</v>
      </c>
    </row>
    <row r="815" spans="2:3" x14ac:dyDescent="0.25">
      <c r="B815" s="21">
        <v>40991</v>
      </c>
      <c r="C815" s="6">
        <v>11329572</v>
      </c>
    </row>
    <row r="816" spans="2:3" x14ac:dyDescent="0.25">
      <c r="B816" s="21">
        <v>40992</v>
      </c>
      <c r="C816" s="6">
        <v>9810104</v>
      </c>
    </row>
    <row r="817" spans="2:3" x14ac:dyDescent="0.25">
      <c r="B817" s="21">
        <v>40993</v>
      </c>
      <c r="C817" s="6">
        <v>8977372</v>
      </c>
    </row>
    <row r="818" spans="2:3" x14ac:dyDescent="0.25">
      <c r="B818" s="21">
        <v>40994</v>
      </c>
      <c r="C818" s="6">
        <v>11233949</v>
      </c>
    </row>
    <row r="819" spans="2:3" x14ac:dyDescent="0.25">
      <c r="B819" s="21">
        <v>40995</v>
      </c>
      <c r="C819" s="6">
        <v>11436720</v>
      </c>
    </row>
    <row r="820" spans="2:3" x14ac:dyDescent="0.25">
      <c r="B820" s="21">
        <v>40996</v>
      </c>
      <c r="C820" s="6">
        <v>11278822</v>
      </c>
    </row>
    <row r="821" spans="2:3" x14ac:dyDescent="0.25">
      <c r="B821" s="21">
        <v>40997</v>
      </c>
      <c r="C821" s="6">
        <v>11455298</v>
      </c>
    </row>
    <row r="822" spans="2:3" x14ac:dyDescent="0.25">
      <c r="B822" s="21">
        <v>40998</v>
      </c>
      <c r="C822" s="6">
        <v>11418515</v>
      </c>
    </row>
    <row r="823" spans="2:3" x14ac:dyDescent="0.25">
      <c r="B823" s="21">
        <v>40999</v>
      </c>
      <c r="C823" s="6">
        <v>10045219</v>
      </c>
    </row>
    <row r="824" spans="2:3" x14ac:dyDescent="0.25">
      <c r="B824" s="21">
        <v>41000</v>
      </c>
      <c r="C824" s="6">
        <v>9837572</v>
      </c>
    </row>
    <row r="825" spans="2:3" x14ac:dyDescent="0.25">
      <c r="B825" s="21">
        <v>41001</v>
      </c>
      <c r="C825" s="6">
        <v>11751146</v>
      </c>
    </row>
    <row r="826" spans="2:3" x14ac:dyDescent="0.25">
      <c r="B826" s="21">
        <v>41002</v>
      </c>
      <c r="C826" s="6">
        <v>11648727</v>
      </c>
    </row>
    <row r="827" spans="2:3" x14ac:dyDescent="0.25">
      <c r="B827" s="21">
        <v>41003</v>
      </c>
      <c r="C827" s="6">
        <v>11447017</v>
      </c>
    </row>
    <row r="828" spans="2:3" x14ac:dyDescent="0.25">
      <c r="B828" s="21">
        <v>41004</v>
      </c>
      <c r="C828" s="6">
        <v>11699145</v>
      </c>
    </row>
    <row r="829" spans="2:3" x14ac:dyDescent="0.25">
      <c r="B829" s="21">
        <v>41005</v>
      </c>
      <c r="C829" s="6">
        <v>11687394</v>
      </c>
    </row>
    <row r="830" spans="2:3" x14ac:dyDescent="0.25">
      <c r="B830" s="21">
        <v>41006</v>
      </c>
      <c r="C830" s="6">
        <v>10061189</v>
      </c>
    </row>
    <row r="831" spans="2:3" x14ac:dyDescent="0.25">
      <c r="B831" s="21">
        <v>41007</v>
      </c>
      <c r="C831" s="6">
        <v>9656601</v>
      </c>
    </row>
    <row r="832" spans="2:3" x14ac:dyDescent="0.25">
      <c r="B832" s="21">
        <v>41008</v>
      </c>
      <c r="C832" s="6">
        <v>9286619</v>
      </c>
    </row>
    <row r="833" spans="2:3" x14ac:dyDescent="0.25">
      <c r="B833" s="21">
        <v>41009</v>
      </c>
      <c r="C833" s="6">
        <v>11292354</v>
      </c>
    </row>
    <row r="834" spans="2:3" x14ac:dyDescent="0.25">
      <c r="B834" s="21">
        <v>41010</v>
      </c>
      <c r="C834" s="6">
        <v>11443472</v>
      </c>
    </row>
    <row r="835" spans="2:3" x14ac:dyDescent="0.25">
      <c r="B835" s="21">
        <v>41011</v>
      </c>
      <c r="C835" s="6">
        <v>11732071</v>
      </c>
    </row>
    <row r="836" spans="2:3" x14ac:dyDescent="0.25">
      <c r="B836" s="21">
        <v>41012</v>
      </c>
      <c r="C836" s="6">
        <v>11422154</v>
      </c>
    </row>
    <row r="837" spans="2:3" x14ac:dyDescent="0.25">
      <c r="B837" s="21">
        <v>41013</v>
      </c>
      <c r="C837" s="6">
        <v>9897602</v>
      </c>
    </row>
    <row r="838" spans="2:3" x14ac:dyDescent="0.25">
      <c r="B838" s="21">
        <v>41014</v>
      </c>
      <c r="C838" s="6">
        <v>9599896</v>
      </c>
    </row>
    <row r="839" spans="2:3" x14ac:dyDescent="0.25">
      <c r="B839" s="21">
        <v>41015</v>
      </c>
      <c r="C839" s="6">
        <v>11526721</v>
      </c>
    </row>
    <row r="840" spans="2:3" x14ac:dyDescent="0.25">
      <c r="B840" s="21">
        <v>41016</v>
      </c>
      <c r="C840" s="6">
        <v>11613839</v>
      </c>
    </row>
    <row r="841" spans="2:3" x14ac:dyDescent="0.25">
      <c r="B841" s="21">
        <v>41017</v>
      </c>
      <c r="C841" s="6">
        <v>11491163</v>
      </c>
    </row>
    <row r="842" spans="2:3" x14ac:dyDescent="0.25">
      <c r="B842" s="21">
        <v>41018</v>
      </c>
      <c r="C842" s="6">
        <v>11440306</v>
      </c>
    </row>
    <row r="843" spans="2:3" x14ac:dyDescent="0.25">
      <c r="B843" s="21">
        <v>41019</v>
      </c>
      <c r="C843" s="6">
        <v>11196365</v>
      </c>
    </row>
    <row r="844" spans="2:3" x14ac:dyDescent="0.25">
      <c r="B844" s="21">
        <v>41020</v>
      </c>
      <c r="C844" s="6">
        <v>9694375</v>
      </c>
    </row>
    <row r="845" spans="2:3" x14ac:dyDescent="0.25">
      <c r="B845" s="21">
        <v>41021</v>
      </c>
      <c r="C845" s="6">
        <v>9485295</v>
      </c>
    </row>
    <row r="846" spans="2:3" x14ac:dyDescent="0.25">
      <c r="B846" s="21">
        <v>41022</v>
      </c>
      <c r="C846" s="6">
        <v>11105800</v>
      </c>
    </row>
    <row r="847" spans="2:3" x14ac:dyDescent="0.25">
      <c r="B847" s="21">
        <v>41023</v>
      </c>
      <c r="C847" s="6">
        <v>11265541</v>
      </c>
    </row>
    <row r="848" spans="2:3" x14ac:dyDescent="0.25">
      <c r="B848" s="21">
        <v>41024</v>
      </c>
      <c r="C848" s="6">
        <v>11177368</v>
      </c>
    </row>
    <row r="849" spans="2:3" x14ac:dyDescent="0.25">
      <c r="B849" s="21">
        <v>41025</v>
      </c>
      <c r="C849" s="6">
        <v>10983724</v>
      </c>
    </row>
    <row r="850" spans="2:3" x14ac:dyDescent="0.25">
      <c r="B850" s="21">
        <v>41026</v>
      </c>
      <c r="C850" s="6">
        <v>10685679</v>
      </c>
    </row>
    <row r="851" spans="2:3" x14ac:dyDescent="0.25">
      <c r="B851" s="21">
        <v>41027</v>
      </c>
      <c r="C851" s="6">
        <v>9197623</v>
      </c>
    </row>
    <row r="852" spans="2:3" x14ac:dyDescent="0.25">
      <c r="B852" s="21">
        <v>41028</v>
      </c>
      <c r="C852" s="6">
        <v>8717768</v>
      </c>
    </row>
    <row r="853" spans="2:3" x14ac:dyDescent="0.25">
      <c r="B853" s="21">
        <v>41029</v>
      </c>
      <c r="C853" s="6">
        <v>9428475</v>
      </c>
    </row>
    <row r="854" spans="2:3" x14ac:dyDescent="0.25">
      <c r="B854" s="21">
        <v>41030</v>
      </c>
      <c r="C854" s="6">
        <v>8780356</v>
      </c>
    </row>
    <row r="855" spans="2:3" x14ac:dyDescent="0.25">
      <c r="B855" s="21">
        <v>41031</v>
      </c>
      <c r="C855" s="6">
        <v>10400631</v>
      </c>
    </row>
    <row r="856" spans="2:3" x14ac:dyDescent="0.25">
      <c r="B856" s="21">
        <v>41032</v>
      </c>
      <c r="C856" s="6">
        <v>10562630</v>
      </c>
    </row>
    <row r="857" spans="2:3" x14ac:dyDescent="0.25">
      <c r="B857" s="21">
        <v>41033</v>
      </c>
      <c r="C857" s="6">
        <v>10443812</v>
      </c>
    </row>
    <row r="858" spans="2:3" x14ac:dyDescent="0.25">
      <c r="B858" s="21">
        <v>41034</v>
      </c>
      <c r="C858" s="6">
        <v>9011017</v>
      </c>
    </row>
    <row r="859" spans="2:3" x14ac:dyDescent="0.25">
      <c r="B859" s="21">
        <v>41035</v>
      </c>
      <c r="C859" s="6">
        <v>8608295</v>
      </c>
    </row>
    <row r="860" spans="2:3" x14ac:dyDescent="0.25">
      <c r="B860" s="21">
        <v>41036</v>
      </c>
      <c r="C860" s="6">
        <v>9471989</v>
      </c>
    </row>
    <row r="861" spans="2:3" x14ac:dyDescent="0.25">
      <c r="B861" s="21">
        <v>41037</v>
      </c>
      <c r="C861" s="6">
        <v>8887455</v>
      </c>
    </row>
    <row r="862" spans="2:3" x14ac:dyDescent="0.25">
      <c r="B862" s="21">
        <v>41038</v>
      </c>
      <c r="C862" s="6">
        <v>10401981</v>
      </c>
    </row>
    <row r="863" spans="2:3" x14ac:dyDescent="0.25">
      <c r="B863" s="21">
        <v>41039</v>
      </c>
      <c r="C863" s="6">
        <v>10621712</v>
      </c>
    </row>
    <row r="864" spans="2:3" x14ac:dyDescent="0.25">
      <c r="B864" s="21">
        <v>41040</v>
      </c>
      <c r="C864" s="6">
        <v>10533422</v>
      </c>
    </row>
    <row r="865" spans="2:3" x14ac:dyDescent="0.25">
      <c r="B865" s="21">
        <v>41041</v>
      </c>
      <c r="C865" s="6">
        <v>8999552</v>
      </c>
    </row>
    <row r="866" spans="2:3" x14ac:dyDescent="0.25">
      <c r="B866" s="21">
        <v>41042</v>
      </c>
      <c r="C866" s="6">
        <v>8676253</v>
      </c>
    </row>
    <row r="867" spans="2:3" x14ac:dyDescent="0.25">
      <c r="B867" s="21">
        <v>41043</v>
      </c>
      <c r="C867" s="6">
        <v>10487826</v>
      </c>
    </row>
    <row r="868" spans="2:3" x14ac:dyDescent="0.25">
      <c r="B868" s="21">
        <v>41044</v>
      </c>
      <c r="C868" s="6">
        <v>10650240</v>
      </c>
    </row>
    <row r="869" spans="2:3" x14ac:dyDescent="0.25">
      <c r="B869" s="21">
        <v>41045</v>
      </c>
      <c r="C869" s="6">
        <v>10902207</v>
      </c>
    </row>
    <row r="870" spans="2:3" x14ac:dyDescent="0.25">
      <c r="B870" s="21">
        <v>41046</v>
      </c>
      <c r="C870" s="6">
        <v>10879702</v>
      </c>
    </row>
    <row r="871" spans="2:3" x14ac:dyDescent="0.25">
      <c r="B871" s="21">
        <v>41047</v>
      </c>
      <c r="C871" s="6">
        <v>10662993</v>
      </c>
    </row>
    <row r="872" spans="2:3" x14ac:dyDescent="0.25">
      <c r="B872" s="21">
        <v>41048</v>
      </c>
      <c r="C872" s="6">
        <v>9079539</v>
      </c>
    </row>
    <row r="873" spans="2:3" x14ac:dyDescent="0.25">
      <c r="B873" s="21">
        <v>41049</v>
      </c>
      <c r="C873" s="6">
        <v>8621009</v>
      </c>
    </row>
    <row r="874" spans="2:3" x14ac:dyDescent="0.25">
      <c r="B874" s="21">
        <v>41050</v>
      </c>
      <c r="C874" s="6">
        <v>10404979</v>
      </c>
    </row>
    <row r="875" spans="2:3" x14ac:dyDescent="0.25">
      <c r="B875" s="21">
        <v>41051</v>
      </c>
      <c r="C875" s="6">
        <v>10708841</v>
      </c>
    </row>
    <row r="876" spans="2:3" x14ac:dyDescent="0.25">
      <c r="B876" s="21">
        <v>41052</v>
      </c>
      <c r="C876" s="6">
        <v>10769010</v>
      </c>
    </row>
    <row r="877" spans="2:3" x14ac:dyDescent="0.25">
      <c r="B877" s="21">
        <v>41053</v>
      </c>
      <c r="C877" s="6">
        <v>10758053</v>
      </c>
    </row>
    <row r="878" spans="2:3" x14ac:dyDescent="0.25">
      <c r="B878" s="21">
        <v>41054</v>
      </c>
      <c r="C878" s="6">
        <v>10366880</v>
      </c>
    </row>
    <row r="879" spans="2:3" x14ac:dyDescent="0.25">
      <c r="B879" s="21">
        <v>41055</v>
      </c>
      <c r="C879" s="6">
        <v>8852246</v>
      </c>
    </row>
    <row r="880" spans="2:3" x14ac:dyDescent="0.25">
      <c r="B880" s="21">
        <v>41056</v>
      </c>
      <c r="C880" s="6">
        <v>8536935</v>
      </c>
    </row>
    <row r="881" spans="2:3" x14ac:dyDescent="0.25">
      <c r="B881" s="21">
        <v>41057</v>
      </c>
      <c r="C881" s="6">
        <v>10294266</v>
      </c>
    </row>
    <row r="882" spans="2:3" x14ac:dyDescent="0.25">
      <c r="B882" s="21">
        <v>41058</v>
      </c>
      <c r="C882" s="6">
        <v>10515679</v>
      </c>
    </row>
    <row r="883" spans="2:3" x14ac:dyDescent="0.25">
      <c r="B883" s="21">
        <v>41059</v>
      </c>
      <c r="C883" s="6">
        <v>10540410</v>
      </c>
    </row>
    <row r="884" spans="2:3" x14ac:dyDescent="0.25">
      <c r="B884" s="21">
        <v>41060</v>
      </c>
      <c r="C884" s="6">
        <v>10526142</v>
      </c>
    </row>
    <row r="885" spans="2:3" x14ac:dyDescent="0.25">
      <c r="B885" s="21">
        <v>41061</v>
      </c>
      <c r="C885" s="6">
        <v>10292091</v>
      </c>
    </row>
    <row r="886" spans="2:3" x14ac:dyDescent="0.25">
      <c r="B886" s="21">
        <v>41062</v>
      </c>
      <c r="C886" s="6">
        <v>8758351</v>
      </c>
    </row>
    <row r="887" spans="2:3" x14ac:dyDescent="0.25">
      <c r="B887" s="21">
        <v>41063</v>
      </c>
      <c r="C887" s="6">
        <v>8565291</v>
      </c>
    </row>
    <row r="888" spans="2:3" x14ac:dyDescent="0.25">
      <c r="B888" s="21">
        <v>41064</v>
      </c>
      <c r="C888" s="6">
        <v>10407882</v>
      </c>
    </row>
    <row r="889" spans="2:3" x14ac:dyDescent="0.25">
      <c r="B889" s="21">
        <v>41065</v>
      </c>
      <c r="C889" s="6">
        <v>10702230</v>
      </c>
    </row>
    <row r="890" spans="2:3" x14ac:dyDescent="0.25">
      <c r="B890" s="21">
        <v>41066</v>
      </c>
      <c r="C890" s="6">
        <v>10585082</v>
      </c>
    </row>
    <row r="891" spans="2:3" x14ac:dyDescent="0.25">
      <c r="B891" s="21">
        <v>41067</v>
      </c>
      <c r="C891" s="6">
        <v>10574832</v>
      </c>
    </row>
    <row r="892" spans="2:3" x14ac:dyDescent="0.25">
      <c r="B892" s="21">
        <v>41068</v>
      </c>
      <c r="C892" s="6">
        <v>10394612</v>
      </c>
    </row>
    <row r="893" spans="2:3" x14ac:dyDescent="0.25">
      <c r="B893" s="21">
        <v>41069</v>
      </c>
      <c r="C893" s="6">
        <v>8706350</v>
      </c>
    </row>
    <row r="894" spans="2:3" x14ac:dyDescent="0.25">
      <c r="B894" s="21">
        <v>41070</v>
      </c>
      <c r="C894" s="6">
        <v>8522647</v>
      </c>
    </row>
    <row r="895" spans="2:3" x14ac:dyDescent="0.25">
      <c r="B895" s="21">
        <v>41071</v>
      </c>
      <c r="C895" s="6">
        <v>10355675</v>
      </c>
    </row>
    <row r="896" spans="2:3" x14ac:dyDescent="0.25">
      <c r="B896" s="21">
        <v>41072</v>
      </c>
      <c r="C896" s="6">
        <v>10473217</v>
      </c>
    </row>
    <row r="897" spans="2:3" x14ac:dyDescent="0.25">
      <c r="B897" s="21">
        <v>41073</v>
      </c>
      <c r="C897" s="6">
        <v>10495627</v>
      </c>
    </row>
    <row r="898" spans="2:3" x14ac:dyDescent="0.25">
      <c r="B898" s="21">
        <v>41074</v>
      </c>
      <c r="C898" s="6">
        <v>10557145</v>
      </c>
    </row>
    <row r="899" spans="2:3" x14ac:dyDescent="0.25">
      <c r="B899" s="21">
        <v>41075</v>
      </c>
      <c r="C899" s="6">
        <v>10212445</v>
      </c>
    </row>
    <row r="900" spans="2:3" x14ac:dyDescent="0.25">
      <c r="B900" s="21">
        <v>41076</v>
      </c>
      <c r="C900" s="6">
        <v>8805002</v>
      </c>
    </row>
    <row r="901" spans="2:3" x14ac:dyDescent="0.25">
      <c r="B901" s="21">
        <v>41077</v>
      </c>
      <c r="C901" s="6">
        <v>8539619</v>
      </c>
    </row>
    <row r="902" spans="2:3" x14ac:dyDescent="0.25">
      <c r="B902" s="21">
        <v>41078</v>
      </c>
      <c r="C902" s="6">
        <v>10475420</v>
      </c>
    </row>
    <row r="903" spans="2:3" x14ac:dyDescent="0.25">
      <c r="B903" s="21">
        <v>41079</v>
      </c>
      <c r="C903" s="6">
        <v>10619913</v>
      </c>
    </row>
    <row r="904" spans="2:3" x14ac:dyDescent="0.25">
      <c r="B904" s="21">
        <v>41080</v>
      </c>
      <c r="C904" s="6">
        <v>10759397</v>
      </c>
    </row>
    <row r="905" spans="2:3" x14ac:dyDescent="0.25">
      <c r="B905" s="21">
        <v>41081</v>
      </c>
      <c r="C905" s="6">
        <v>10668437</v>
      </c>
    </row>
    <row r="906" spans="2:3" x14ac:dyDescent="0.25">
      <c r="B906" s="21">
        <v>41082</v>
      </c>
      <c r="C906" s="6">
        <v>10354665</v>
      </c>
    </row>
    <row r="907" spans="2:3" x14ac:dyDescent="0.25">
      <c r="B907" s="21">
        <v>41083</v>
      </c>
      <c r="C907" s="6">
        <v>8819257</v>
      </c>
    </row>
    <row r="908" spans="2:3" x14ac:dyDescent="0.25">
      <c r="B908" s="21">
        <v>41084</v>
      </c>
      <c r="C908" s="6">
        <v>8564798</v>
      </c>
    </row>
    <row r="909" spans="2:3" x14ac:dyDescent="0.25">
      <c r="B909" s="21">
        <v>41085</v>
      </c>
      <c r="C909" s="6">
        <v>10266854</v>
      </c>
    </row>
    <row r="910" spans="2:3" x14ac:dyDescent="0.25">
      <c r="B910" s="21">
        <v>41086</v>
      </c>
      <c r="C910" s="6">
        <v>10351917</v>
      </c>
    </row>
    <row r="911" spans="2:3" x14ac:dyDescent="0.25">
      <c r="B911" s="21">
        <v>41087</v>
      </c>
      <c r="C911" s="6">
        <v>10425441</v>
      </c>
    </row>
    <row r="912" spans="2:3" x14ac:dyDescent="0.25">
      <c r="B912" s="21">
        <v>41088</v>
      </c>
      <c r="C912" s="6">
        <v>10592691</v>
      </c>
    </row>
    <row r="913" spans="2:3" x14ac:dyDescent="0.25">
      <c r="B913" s="21">
        <v>41089</v>
      </c>
      <c r="C913" s="6">
        <v>10501664</v>
      </c>
    </row>
    <row r="914" spans="2:3" x14ac:dyDescent="0.25">
      <c r="B914" s="21">
        <v>41090</v>
      </c>
      <c r="C914" s="6">
        <v>9015000</v>
      </c>
    </row>
    <row r="915" spans="2:3" x14ac:dyDescent="0.25">
      <c r="B915" s="21">
        <v>41091</v>
      </c>
      <c r="C915" s="6">
        <v>8606336</v>
      </c>
    </row>
    <row r="916" spans="2:3" x14ac:dyDescent="0.25">
      <c r="B916" s="21">
        <v>41092</v>
      </c>
      <c r="C916" s="6">
        <v>10110015</v>
      </c>
    </row>
    <row r="917" spans="2:3" x14ac:dyDescent="0.25">
      <c r="B917" s="21">
        <v>41093</v>
      </c>
      <c r="C917" s="6">
        <v>10270867</v>
      </c>
    </row>
    <row r="918" spans="2:3" x14ac:dyDescent="0.25">
      <c r="B918" s="21">
        <v>41094</v>
      </c>
      <c r="C918" s="6">
        <v>10011413</v>
      </c>
    </row>
    <row r="919" spans="2:3" x14ac:dyDescent="0.25">
      <c r="B919" s="21">
        <v>41095</v>
      </c>
      <c r="C919" s="6">
        <v>8759552</v>
      </c>
    </row>
    <row r="920" spans="2:3" x14ac:dyDescent="0.25">
      <c r="B920" s="21">
        <v>41096</v>
      </c>
      <c r="C920" s="6">
        <v>8496534</v>
      </c>
    </row>
    <row r="921" spans="2:3" x14ac:dyDescent="0.25">
      <c r="B921" s="21">
        <v>41097</v>
      </c>
      <c r="C921" s="6">
        <v>8340489</v>
      </c>
    </row>
    <row r="922" spans="2:3" x14ac:dyDescent="0.25">
      <c r="B922" s="21">
        <v>41098</v>
      </c>
      <c r="C922" s="6">
        <v>8466261</v>
      </c>
    </row>
    <row r="923" spans="2:3" x14ac:dyDescent="0.25">
      <c r="B923" s="21">
        <v>41099</v>
      </c>
      <c r="C923" s="6">
        <v>10212264</v>
      </c>
    </row>
    <row r="924" spans="2:3" x14ac:dyDescent="0.25">
      <c r="B924" s="21">
        <v>41100</v>
      </c>
      <c r="C924" s="6">
        <v>10407053</v>
      </c>
    </row>
    <row r="925" spans="2:3" x14ac:dyDescent="0.25">
      <c r="B925" s="21">
        <v>41101</v>
      </c>
      <c r="C925" s="6">
        <v>10404801</v>
      </c>
    </row>
    <row r="926" spans="2:3" x14ac:dyDescent="0.25">
      <c r="B926" s="21">
        <v>41102</v>
      </c>
      <c r="C926" s="6">
        <v>10303562</v>
      </c>
    </row>
    <row r="927" spans="2:3" x14ac:dyDescent="0.25">
      <c r="B927" s="21">
        <v>41103</v>
      </c>
      <c r="C927" s="6">
        <v>10127312</v>
      </c>
    </row>
    <row r="928" spans="2:3" x14ac:dyDescent="0.25">
      <c r="B928" s="21">
        <v>41104</v>
      </c>
      <c r="C928" s="6">
        <v>8690959</v>
      </c>
    </row>
    <row r="929" spans="2:3" x14ac:dyDescent="0.25">
      <c r="B929" s="21">
        <v>41105</v>
      </c>
      <c r="C929" s="6">
        <v>8434229</v>
      </c>
    </row>
    <row r="930" spans="2:3" x14ac:dyDescent="0.25">
      <c r="B930" s="21">
        <v>41106</v>
      </c>
      <c r="C930" s="6">
        <v>10062586</v>
      </c>
    </row>
    <row r="931" spans="2:3" x14ac:dyDescent="0.25">
      <c r="B931" s="21">
        <v>41107</v>
      </c>
      <c r="C931" s="6">
        <v>10274742</v>
      </c>
    </row>
    <row r="932" spans="2:3" x14ac:dyDescent="0.25">
      <c r="B932" s="21">
        <v>41108</v>
      </c>
      <c r="C932" s="6">
        <v>10290757</v>
      </c>
    </row>
    <row r="933" spans="2:3" x14ac:dyDescent="0.25">
      <c r="B933" s="21">
        <v>41109</v>
      </c>
      <c r="C933" s="6">
        <v>10337147</v>
      </c>
    </row>
    <row r="934" spans="2:3" x14ac:dyDescent="0.25">
      <c r="B934" s="21">
        <v>41110</v>
      </c>
      <c r="C934" s="6">
        <v>10086190</v>
      </c>
    </row>
    <row r="935" spans="2:3" x14ac:dyDescent="0.25">
      <c r="B935" s="21">
        <v>41111</v>
      </c>
      <c r="C935" s="6">
        <v>8578116</v>
      </c>
    </row>
    <row r="936" spans="2:3" x14ac:dyDescent="0.25">
      <c r="B936" s="21">
        <v>41112</v>
      </c>
      <c r="C936" s="6">
        <v>8279131</v>
      </c>
    </row>
    <row r="937" spans="2:3" x14ac:dyDescent="0.25">
      <c r="B937" s="21">
        <v>41113</v>
      </c>
      <c r="C937" s="6">
        <v>9780077</v>
      </c>
    </row>
    <row r="938" spans="2:3" x14ac:dyDescent="0.25">
      <c r="B938" s="21">
        <v>41114</v>
      </c>
      <c r="C938" s="6">
        <v>10053228</v>
      </c>
    </row>
    <row r="939" spans="2:3" x14ac:dyDescent="0.25">
      <c r="B939" s="21">
        <v>41115</v>
      </c>
      <c r="C939" s="6">
        <v>10212462</v>
      </c>
    </row>
    <row r="940" spans="2:3" x14ac:dyDescent="0.25">
      <c r="B940" s="21">
        <v>41116</v>
      </c>
      <c r="C940" s="6">
        <v>10186188</v>
      </c>
    </row>
    <row r="941" spans="2:3" x14ac:dyDescent="0.25">
      <c r="B941" s="21">
        <v>41117</v>
      </c>
      <c r="C941" s="6">
        <v>9949297</v>
      </c>
    </row>
    <row r="942" spans="2:3" x14ac:dyDescent="0.25">
      <c r="B942" s="21">
        <v>41118</v>
      </c>
      <c r="C942" s="6">
        <v>8579491</v>
      </c>
    </row>
    <row r="943" spans="2:3" x14ac:dyDescent="0.25">
      <c r="B943" s="21">
        <v>41119</v>
      </c>
      <c r="C943" s="6">
        <v>8159196</v>
      </c>
    </row>
    <row r="944" spans="2:3" x14ac:dyDescent="0.25">
      <c r="B944" s="21">
        <v>41120</v>
      </c>
      <c r="C944" s="6">
        <v>9318145</v>
      </c>
    </row>
    <row r="945" spans="2:3" x14ac:dyDescent="0.25">
      <c r="B945" s="21">
        <v>41121</v>
      </c>
      <c r="C945" s="6">
        <v>9524586</v>
      </c>
    </row>
    <row r="946" spans="2:3" x14ac:dyDescent="0.25">
      <c r="B946" s="21">
        <v>41122</v>
      </c>
      <c r="C946" s="6">
        <v>9582028</v>
      </c>
    </row>
    <row r="947" spans="2:3" x14ac:dyDescent="0.25">
      <c r="B947" s="21">
        <v>41123</v>
      </c>
      <c r="C947" s="6">
        <v>9692955</v>
      </c>
    </row>
    <row r="948" spans="2:3" x14ac:dyDescent="0.25">
      <c r="B948" s="21">
        <v>41124</v>
      </c>
      <c r="C948" s="6">
        <v>9466352</v>
      </c>
    </row>
    <row r="949" spans="2:3" x14ac:dyDescent="0.25">
      <c r="B949" s="21">
        <v>41125</v>
      </c>
      <c r="C949" s="6">
        <v>8242715</v>
      </c>
    </row>
    <row r="950" spans="2:3" x14ac:dyDescent="0.25">
      <c r="B950" s="21">
        <v>41126</v>
      </c>
      <c r="C950" s="6">
        <v>8137327</v>
      </c>
    </row>
    <row r="951" spans="2:3" x14ac:dyDescent="0.25">
      <c r="B951" s="21">
        <v>41127</v>
      </c>
      <c r="C951" s="6">
        <v>9632680</v>
      </c>
    </row>
    <row r="952" spans="2:3" x14ac:dyDescent="0.25">
      <c r="B952" s="21">
        <v>41128</v>
      </c>
      <c r="C952" s="6">
        <v>9520655</v>
      </c>
    </row>
    <row r="953" spans="2:3" x14ac:dyDescent="0.25">
      <c r="B953" s="21">
        <v>41129</v>
      </c>
      <c r="C953" s="6">
        <v>9606412</v>
      </c>
    </row>
    <row r="954" spans="2:3" x14ac:dyDescent="0.25">
      <c r="B954" s="21">
        <v>41130</v>
      </c>
      <c r="C954" s="6">
        <v>9645660</v>
      </c>
    </row>
    <row r="955" spans="2:3" x14ac:dyDescent="0.25">
      <c r="B955" s="21">
        <v>41131</v>
      </c>
      <c r="C955" s="6">
        <v>9429347</v>
      </c>
    </row>
    <row r="956" spans="2:3" x14ac:dyDescent="0.25">
      <c r="B956" s="21">
        <v>41132</v>
      </c>
      <c r="C956" s="6">
        <v>8237203</v>
      </c>
    </row>
    <row r="957" spans="2:3" x14ac:dyDescent="0.25">
      <c r="B957" s="21">
        <v>41133</v>
      </c>
      <c r="C957" s="6">
        <v>8015733</v>
      </c>
    </row>
    <row r="958" spans="2:3" x14ac:dyDescent="0.25">
      <c r="B958" s="21">
        <v>41134</v>
      </c>
      <c r="C958" s="6">
        <v>9661144</v>
      </c>
    </row>
    <row r="959" spans="2:3" x14ac:dyDescent="0.25">
      <c r="B959" s="21">
        <v>41135</v>
      </c>
      <c r="C959" s="6">
        <v>9980452</v>
      </c>
    </row>
    <row r="960" spans="2:3" x14ac:dyDescent="0.25">
      <c r="B960" s="21">
        <v>41136</v>
      </c>
      <c r="C960" s="6">
        <v>10039967</v>
      </c>
    </row>
    <row r="961" spans="2:3" x14ac:dyDescent="0.25">
      <c r="B961" s="21">
        <v>41137</v>
      </c>
      <c r="C961" s="6">
        <v>10037042</v>
      </c>
    </row>
    <row r="962" spans="2:3" x14ac:dyDescent="0.25">
      <c r="B962" s="21">
        <v>41138</v>
      </c>
      <c r="C962" s="6">
        <v>9957481</v>
      </c>
    </row>
    <row r="963" spans="2:3" x14ac:dyDescent="0.25">
      <c r="B963" s="21">
        <v>41139</v>
      </c>
      <c r="C963" s="6">
        <v>8620727</v>
      </c>
    </row>
    <row r="964" spans="2:3" x14ac:dyDescent="0.25">
      <c r="B964" s="21">
        <v>41140</v>
      </c>
      <c r="C964" s="6">
        <v>8453845</v>
      </c>
    </row>
    <row r="965" spans="2:3" x14ac:dyDescent="0.25">
      <c r="B965" s="21">
        <v>41141</v>
      </c>
      <c r="C965" s="6">
        <v>10336743</v>
      </c>
    </row>
    <row r="966" spans="2:3" x14ac:dyDescent="0.25">
      <c r="B966" s="21">
        <v>41142</v>
      </c>
      <c r="C966" s="6">
        <v>10589157</v>
      </c>
    </row>
    <row r="967" spans="2:3" x14ac:dyDescent="0.25">
      <c r="B967" s="21">
        <v>41143</v>
      </c>
      <c r="C967" s="6">
        <v>10635397</v>
      </c>
    </row>
    <row r="968" spans="2:3" x14ac:dyDescent="0.25">
      <c r="B968" s="21">
        <v>41144</v>
      </c>
      <c r="C968" s="6">
        <v>10510266</v>
      </c>
    </row>
    <row r="969" spans="2:3" x14ac:dyDescent="0.25">
      <c r="B969" s="21">
        <v>41145</v>
      </c>
      <c r="C969" s="6">
        <v>10289321</v>
      </c>
    </row>
    <row r="970" spans="2:3" x14ac:dyDescent="0.25">
      <c r="B970" s="21">
        <v>41146</v>
      </c>
      <c r="C970" s="6">
        <v>8802772</v>
      </c>
    </row>
    <row r="971" spans="2:3" x14ac:dyDescent="0.25">
      <c r="B971" s="21">
        <v>41147</v>
      </c>
      <c r="C971" s="6">
        <v>8400956</v>
      </c>
    </row>
    <row r="972" spans="2:3" x14ac:dyDescent="0.25">
      <c r="B972" s="21">
        <v>41148</v>
      </c>
      <c r="C972" s="6">
        <v>10083463</v>
      </c>
    </row>
    <row r="973" spans="2:3" x14ac:dyDescent="0.25">
      <c r="B973" s="21">
        <v>41149</v>
      </c>
      <c r="C973" s="6">
        <v>10278035</v>
      </c>
    </row>
    <row r="974" spans="2:3" x14ac:dyDescent="0.25">
      <c r="B974" s="21">
        <v>41150</v>
      </c>
      <c r="C974" s="6">
        <v>10441780</v>
      </c>
    </row>
    <row r="975" spans="2:3" x14ac:dyDescent="0.25">
      <c r="B975" s="21">
        <v>41151</v>
      </c>
      <c r="C975" s="6">
        <v>10373511</v>
      </c>
    </row>
    <row r="976" spans="2:3" x14ac:dyDescent="0.25">
      <c r="B976" s="21">
        <v>41152</v>
      </c>
      <c r="C976" s="6">
        <v>10132160</v>
      </c>
    </row>
    <row r="977" spans="2:3" x14ac:dyDescent="0.25">
      <c r="B977" s="21">
        <v>41153</v>
      </c>
      <c r="C977" s="6">
        <v>8684802</v>
      </c>
    </row>
    <row r="978" spans="2:3" x14ac:dyDescent="0.25">
      <c r="B978" s="21">
        <v>41154</v>
      </c>
      <c r="C978" s="6">
        <v>8503603</v>
      </c>
    </row>
    <row r="979" spans="2:3" x14ac:dyDescent="0.25">
      <c r="B979" s="21">
        <v>41155</v>
      </c>
      <c r="C979" s="6">
        <v>10215973</v>
      </c>
    </row>
    <row r="980" spans="2:3" x14ac:dyDescent="0.25">
      <c r="B980" s="21">
        <v>41156</v>
      </c>
      <c r="C980" s="6">
        <v>10439293</v>
      </c>
    </row>
    <row r="981" spans="2:3" x14ac:dyDescent="0.25">
      <c r="B981" s="21">
        <v>41157</v>
      </c>
      <c r="C981" s="6">
        <v>10400297</v>
      </c>
    </row>
    <row r="982" spans="2:3" x14ac:dyDescent="0.25">
      <c r="B982" s="21">
        <v>41158</v>
      </c>
      <c r="C982" s="6">
        <v>10342453</v>
      </c>
    </row>
    <row r="983" spans="2:3" x14ac:dyDescent="0.25">
      <c r="B983" s="21">
        <v>41159</v>
      </c>
      <c r="C983" s="6">
        <v>10078455</v>
      </c>
    </row>
    <row r="984" spans="2:3" x14ac:dyDescent="0.25">
      <c r="B984" s="21">
        <v>41160</v>
      </c>
      <c r="C984" s="6">
        <v>8817377</v>
      </c>
    </row>
    <row r="985" spans="2:3" x14ac:dyDescent="0.25">
      <c r="B985" s="21">
        <v>41161</v>
      </c>
      <c r="C985" s="6">
        <v>8580657</v>
      </c>
    </row>
    <row r="986" spans="2:3" x14ac:dyDescent="0.25">
      <c r="B986" s="21">
        <v>41162</v>
      </c>
      <c r="C986" s="6">
        <v>10394144</v>
      </c>
    </row>
    <row r="987" spans="2:3" x14ac:dyDescent="0.25">
      <c r="B987" s="21">
        <v>41163</v>
      </c>
      <c r="C987" s="6">
        <v>10600355</v>
      </c>
    </row>
    <row r="988" spans="2:3" x14ac:dyDescent="0.25">
      <c r="B988" s="21">
        <v>41164</v>
      </c>
      <c r="C988" s="6">
        <v>10681943</v>
      </c>
    </row>
    <row r="989" spans="2:3" x14ac:dyDescent="0.25">
      <c r="B989" s="21">
        <v>41165</v>
      </c>
      <c r="C989" s="6">
        <v>10592575</v>
      </c>
    </row>
    <row r="990" spans="2:3" x14ac:dyDescent="0.25">
      <c r="B990" s="21">
        <v>41166</v>
      </c>
      <c r="C990" s="6">
        <v>10209383</v>
      </c>
    </row>
    <row r="991" spans="2:3" x14ac:dyDescent="0.25">
      <c r="B991" s="21">
        <v>41167</v>
      </c>
      <c r="C991" s="6">
        <v>8854504</v>
      </c>
    </row>
    <row r="992" spans="2:3" x14ac:dyDescent="0.25">
      <c r="B992" s="21">
        <v>41168</v>
      </c>
      <c r="C992" s="6">
        <v>8660141</v>
      </c>
    </row>
    <row r="993" spans="2:3" x14ac:dyDescent="0.25">
      <c r="B993" s="21">
        <v>41169</v>
      </c>
      <c r="C993" s="6">
        <v>10327378</v>
      </c>
    </row>
    <row r="994" spans="2:3" x14ac:dyDescent="0.25">
      <c r="B994" s="21">
        <v>41170</v>
      </c>
      <c r="C994" s="6">
        <v>10618120</v>
      </c>
    </row>
    <row r="995" spans="2:3" x14ac:dyDescent="0.25">
      <c r="B995" s="21">
        <v>41171</v>
      </c>
      <c r="C995" s="6">
        <v>10805728</v>
      </c>
    </row>
    <row r="996" spans="2:3" x14ac:dyDescent="0.25">
      <c r="B996" s="21">
        <v>41172</v>
      </c>
      <c r="C996" s="6">
        <v>10624043</v>
      </c>
    </row>
    <row r="997" spans="2:3" x14ac:dyDescent="0.25">
      <c r="B997" s="21">
        <v>41173</v>
      </c>
      <c r="C997" s="6">
        <v>10487736</v>
      </c>
    </row>
    <row r="998" spans="2:3" x14ac:dyDescent="0.25">
      <c r="B998" s="21">
        <v>41174</v>
      </c>
      <c r="C998" s="6">
        <v>9242678</v>
      </c>
    </row>
    <row r="999" spans="2:3" x14ac:dyDescent="0.25">
      <c r="B999" s="21">
        <v>41175</v>
      </c>
      <c r="C999" s="6">
        <v>8952289</v>
      </c>
    </row>
    <row r="1000" spans="2:3" x14ac:dyDescent="0.25">
      <c r="B1000" s="21">
        <v>41176</v>
      </c>
      <c r="C1000" s="6">
        <v>10629110</v>
      </c>
    </row>
    <row r="1001" spans="2:3" x14ac:dyDescent="0.25">
      <c r="B1001" s="21">
        <v>41177</v>
      </c>
      <c r="C1001" s="6">
        <v>10693579</v>
      </c>
    </row>
    <row r="1002" spans="2:3" x14ac:dyDescent="0.25">
      <c r="B1002" s="21">
        <v>41178</v>
      </c>
      <c r="C1002" s="6">
        <v>10701735</v>
      </c>
    </row>
    <row r="1003" spans="2:3" x14ac:dyDescent="0.25">
      <c r="B1003" s="21">
        <v>41179</v>
      </c>
      <c r="C1003" s="6">
        <v>10548197</v>
      </c>
    </row>
    <row r="1004" spans="2:3" x14ac:dyDescent="0.25">
      <c r="B1004" s="21">
        <v>41180</v>
      </c>
      <c r="C1004" s="6">
        <v>9008228</v>
      </c>
    </row>
    <row r="1005" spans="2:3" x14ac:dyDescent="0.25">
      <c r="B1005" s="21">
        <v>41181</v>
      </c>
      <c r="C1005" s="6">
        <v>8887556</v>
      </c>
    </row>
    <row r="1006" spans="2:3" x14ac:dyDescent="0.25">
      <c r="B1006" s="21">
        <v>41182</v>
      </c>
      <c r="C1006" s="6">
        <v>8866219</v>
      </c>
    </row>
    <row r="1007" spans="2:3" x14ac:dyDescent="0.25">
      <c r="B1007" s="21">
        <v>41183</v>
      </c>
      <c r="C1007" s="6">
        <v>10794488</v>
      </c>
    </row>
    <row r="1008" spans="2:3" x14ac:dyDescent="0.25">
      <c r="B1008" s="21">
        <v>41184</v>
      </c>
      <c r="C1008" s="6">
        <v>10939014</v>
      </c>
    </row>
    <row r="1009" spans="2:3" x14ac:dyDescent="0.25">
      <c r="B1009" s="21">
        <v>41185</v>
      </c>
      <c r="C1009" s="6">
        <v>10876038</v>
      </c>
    </row>
    <row r="1010" spans="2:3" x14ac:dyDescent="0.25">
      <c r="B1010" s="21">
        <v>41186</v>
      </c>
      <c r="C1010" s="6">
        <v>10738102</v>
      </c>
    </row>
    <row r="1011" spans="2:3" x14ac:dyDescent="0.25">
      <c r="B1011" s="21">
        <v>41187</v>
      </c>
      <c r="C1011" s="6">
        <v>10587930</v>
      </c>
    </row>
    <row r="1012" spans="2:3" x14ac:dyDescent="0.25">
      <c r="B1012" s="21">
        <v>41188</v>
      </c>
      <c r="C1012" s="6">
        <v>9055999</v>
      </c>
    </row>
    <row r="1013" spans="2:3" x14ac:dyDescent="0.25">
      <c r="B1013" s="21">
        <v>41189</v>
      </c>
      <c r="C1013" s="6">
        <v>9086804</v>
      </c>
    </row>
    <row r="1014" spans="2:3" x14ac:dyDescent="0.25">
      <c r="B1014" s="21">
        <v>41190</v>
      </c>
      <c r="C1014" s="6">
        <v>10786356</v>
      </c>
    </row>
    <row r="1015" spans="2:3" x14ac:dyDescent="0.25">
      <c r="B1015" s="21">
        <v>41191</v>
      </c>
      <c r="C1015" s="6">
        <v>11109788</v>
      </c>
    </row>
    <row r="1016" spans="2:3" x14ac:dyDescent="0.25">
      <c r="B1016" s="21">
        <v>41192</v>
      </c>
      <c r="C1016" s="6">
        <v>11268934</v>
      </c>
    </row>
    <row r="1017" spans="2:3" x14ac:dyDescent="0.25">
      <c r="B1017" s="21">
        <v>41193</v>
      </c>
      <c r="C1017" s="6">
        <v>11341595</v>
      </c>
    </row>
    <row r="1018" spans="2:3" x14ac:dyDescent="0.25">
      <c r="B1018" s="21">
        <v>41194</v>
      </c>
      <c r="C1018" s="6">
        <v>11303847</v>
      </c>
    </row>
    <row r="1019" spans="2:3" x14ac:dyDescent="0.25">
      <c r="B1019" s="21">
        <v>41195</v>
      </c>
      <c r="C1019" s="6">
        <v>9709609</v>
      </c>
    </row>
    <row r="1020" spans="2:3" x14ac:dyDescent="0.25">
      <c r="B1020" s="21">
        <v>41196</v>
      </c>
      <c r="C1020" s="6">
        <v>9413707</v>
      </c>
    </row>
    <row r="1021" spans="2:3" x14ac:dyDescent="0.25">
      <c r="B1021" s="21">
        <v>41197</v>
      </c>
      <c r="C1021" s="6">
        <v>11371028</v>
      </c>
    </row>
    <row r="1022" spans="2:3" x14ac:dyDescent="0.25">
      <c r="B1022" s="21">
        <v>41198</v>
      </c>
      <c r="C1022" s="6">
        <v>11668455</v>
      </c>
    </row>
    <row r="1023" spans="2:3" x14ac:dyDescent="0.25">
      <c r="B1023" s="21">
        <v>41199</v>
      </c>
      <c r="C1023" s="6">
        <v>11412231</v>
      </c>
    </row>
    <row r="1024" spans="2:3" x14ac:dyDescent="0.25">
      <c r="B1024" s="21">
        <v>41200</v>
      </c>
      <c r="C1024" s="6">
        <v>11321270</v>
      </c>
    </row>
    <row r="1025" spans="2:3" x14ac:dyDescent="0.25">
      <c r="B1025" s="21">
        <v>41201</v>
      </c>
      <c r="C1025" s="6">
        <v>11101514</v>
      </c>
    </row>
    <row r="1026" spans="2:3" x14ac:dyDescent="0.25">
      <c r="B1026" s="21">
        <v>41202</v>
      </c>
      <c r="C1026" s="6">
        <v>9601063</v>
      </c>
    </row>
    <row r="1027" spans="2:3" x14ac:dyDescent="0.25">
      <c r="B1027" s="21">
        <v>41203</v>
      </c>
      <c r="C1027" s="6">
        <v>9423358</v>
      </c>
    </row>
    <row r="1028" spans="2:3" x14ac:dyDescent="0.25">
      <c r="B1028" s="21">
        <v>41204</v>
      </c>
      <c r="C1028" s="6">
        <v>11239239</v>
      </c>
    </row>
    <row r="1029" spans="2:3" x14ac:dyDescent="0.25">
      <c r="B1029" s="21">
        <v>41205</v>
      </c>
      <c r="C1029" s="6">
        <v>11468364</v>
      </c>
    </row>
    <row r="1030" spans="2:3" x14ac:dyDescent="0.25">
      <c r="B1030" s="21">
        <v>41206</v>
      </c>
      <c r="C1030" s="6">
        <v>11545360</v>
      </c>
    </row>
    <row r="1031" spans="2:3" x14ac:dyDescent="0.25">
      <c r="B1031" s="21">
        <v>41207</v>
      </c>
      <c r="C1031" s="6">
        <v>11529104</v>
      </c>
    </row>
    <row r="1032" spans="2:3" x14ac:dyDescent="0.25">
      <c r="B1032" s="21">
        <v>41208</v>
      </c>
      <c r="C1032" s="6">
        <v>11328484</v>
      </c>
    </row>
    <row r="1033" spans="2:3" x14ac:dyDescent="0.25">
      <c r="B1033" s="21">
        <v>41209</v>
      </c>
      <c r="C1033" s="6">
        <v>10219158</v>
      </c>
    </row>
    <row r="1034" spans="2:3" x14ac:dyDescent="0.25">
      <c r="B1034" s="21">
        <v>41210</v>
      </c>
      <c r="C1034" s="6">
        <v>10358966</v>
      </c>
    </row>
    <row r="1035" spans="2:3" x14ac:dyDescent="0.25">
      <c r="B1035" s="21">
        <v>41211</v>
      </c>
      <c r="C1035" s="6">
        <v>12068862</v>
      </c>
    </row>
    <row r="1036" spans="2:3" x14ac:dyDescent="0.25">
      <c r="B1036" s="21">
        <v>41212</v>
      </c>
      <c r="C1036" s="6">
        <v>12284875</v>
      </c>
    </row>
    <row r="1037" spans="2:3" x14ac:dyDescent="0.25">
      <c r="B1037" s="21">
        <v>41213</v>
      </c>
      <c r="C1037" s="6">
        <v>11941704</v>
      </c>
    </row>
    <row r="1038" spans="2:3" x14ac:dyDescent="0.25">
      <c r="B1038" s="21">
        <v>41214</v>
      </c>
      <c r="C1038" s="6">
        <v>12012798</v>
      </c>
    </row>
    <row r="1039" spans="2:3" x14ac:dyDescent="0.25">
      <c r="B1039" s="21">
        <v>41215</v>
      </c>
      <c r="C1039" s="6">
        <v>11631700</v>
      </c>
    </row>
    <row r="1040" spans="2:3" x14ac:dyDescent="0.25">
      <c r="B1040" s="21">
        <v>41216</v>
      </c>
      <c r="C1040" s="6">
        <v>10037800</v>
      </c>
    </row>
    <row r="1041" spans="2:3" x14ac:dyDescent="0.25">
      <c r="B1041" s="21">
        <v>41217</v>
      </c>
      <c r="C1041" s="6">
        <v>9692116</v>
      </c>
    </row>
    <row r="1042" spans="2:3" x14ac:dyDescent="0.25">
      <c r="B1042" s="21">
        <v>41218</v>
      </c>
      <c r="C1042" s="6">
        <v>11612842</v>
      </c>
    </row>
    <row r="1043" spans="2:3" x14ac:dyDescent="0.25">
      <c r="B1043" s="21">
        <v>41219</v>
      </c>
      <c r="C1043" s="6">
        <v>11859603</v>
      </c>
    </row>
    <row r="1044" spans="2:3" x14ac:dyDescent="0.25">
      <c r="B1044" s="21">
        <v>41220</v>
      </c>
      <c r="C1044" s="6">
        <v>11964300</v>
      </c>
    </row>
    <row r="1045" spans="2:3" x14ac:dyDescent="0.25">
      <c r="B1045" s="21">
        <v>41221</v>
      </c>
      <c r="C1045" s="6">
        <v>11830672</v>
      </c>
    </row>
    <row r="1046" spans="2:3" x14ac:dyDescent="0.25">
      <c r="B1046" s="21">
        <v>41222</v>
      </c>
      <c r="C1046" s="6">
        <v>11561312</v>
      </c>
    </row>
    <row r="1047" spans="2:3" x14ac:dyDescent="0.25">
      <c r="B1047" s="21">
        <v>41223</v>
      </c>
      <c r="C1047" s="6">
        <v>10178030</v>
      </c>
    </row>
    <row r="1048" spans="2:3" x14ac:dyDescent="0.25">
      <c r="B1048" s="21">
        <v>41224</v>
      </c>
      <c r="C1048" s="6">
        <v>9900446</v>
      </c>
    </row>
    <row r="1049" spans="2:3" x14ac:dyDescent="0.25">
      <c r="B1049" s="21">
        <v>41225</v>
      </c>
      <c r="C1049" s="6">
        <v>11819383</v>
      </c>
    </row>
    <row r="1050" spans="2:3" x14ac:dyDescent="0.25">
      <c r="B1050" s="21">
        <v>41226</v>
      </c>
      <c r="C1050" s="6">
        <v>11950028</v>
      </c>
    </row>
    <row r="1051" spans="2:3" x14ac:dyDescent="0.25">
      <c r="B1051" s="21">
        <v>41227</v>
      </c>
      <c r="C1051" s="6">
        <v>12164322</v>
      </c>
    </row>
    <row r="1052" spans="2:3" x14ac:dyDescent="0.25">
      <c r="B1052" s="21">
        <v>41228</v>
      </c>
      <c r="C1052" s="6">
        <v>12357492</v>
      </c>
    </row>
    <row r="1053" spans="2:3" x14ac:dyDescent="0.25">
      <c r="B1053" s="21">
        <v>41229</v>
      </c>
      <c r="C1053" s="6">
        <v>12022998</v>
      </c>
    </row>
    <row r="1054" spans="2:3" x14ac:dyDescent="0.25">
      <c r="B1054" s="21">
        <v>41230</v>
      </c>
      <c r="C1054" s="6">
        <v>10249421</v>
      </c>
    </row>
    <row r="1055" spans="2:3" x14ac:dyDescent="0.25">
      <c r="B1055" s="21">
        <v>41231</v>
      </c>
      <c r="C1055" s="6">
        <v>10100922</v>
      </c>
    </row>
    <row r="1056" spans="2:3" x14ac:dyDescent="0.25">
      <c r="B1056" s="21">
        <v>41232</v>
      </c>
      <c r="C1056" s="6">
        <v>11874947</v>
      </c>
    </row>
    <row r="1057" spans="2:3" x14ac:dyDescent="0.25">
      <c r="B1057" s="21">
        <v>41233</v>
      </c>
      <c r="C1057" s="6">
        <v>12029129</v>
      </c>
    </row>
    <row r="1058" spans="2:3" x14ac:dyDescent="0.25">
      <c r="B1058" s="21">
        <v>41234</v>
      </c>
      <c r="C1058" s="6">
        <v>12200230</v>
      </c>
    </row>
    <row r="1059" spans="2:3" x14ac:dyDescent="0.25">
      <c r="B1059" s="21">
        <v>41235</v>
      </c>
      <c r="C1059" s="6">
        <v>12128362</v>
      </c>
    </row>
    <row r="1060" spans="2:3" x14ac:dyDescent="0.25">
      <c r="B1060" s="21">
        <v>41236</v>
      </c>
      <c r="C1060" s="6">
        <v>11938451</v>
      </c>
    </row>
    <row r="1061" spans="2:3" x14ac:dyDescent="0.25">
      <c r="B1061" s="21">
        <v>41237</v>
      </c>
      <c r="C1061" s="6">
        <v>10424181</v>
      </c>
    </row>
    <row r="1062" spans="2:3" x14ac:dyDescent="0.25">
      <c r="B1062" s="21">
        <v>41238</v>
      </c>
      <c r="C1062" s="6">
        <v>10061512</v>
      </c>
    </row>
    <row r="1063" spans="2:3" x14ac:dyDescent="0.25">
      <c r="B1063" s="21">
        <v>41239</v>
      </c>
      <c r="C1063" s="6">
        <v>11966722</v>
      </c>
    </row>
    <row r="1064" spans="2:3" x14ac:dyDescent="0.25">
      <c r="B1064" s="21">
        <v>41240</v>
      </c>
      <c r="C1064" s="6">
        <v>12159923</v>
      </c>
    </row>
    <row r="1065" spans="2:3" x14ac:dyDescent="0.25">
      <c r="B1065" s="21">
        <v>41241</v>
      </c>
      <c r="C1065" s="6">
        <v>12053334</v>
      </c>
    </row>
    <row r="1066" spans="2:3" x14ac:dyDescent="0.25">
      <c r="B1066" s="21">
        <v>41242</v>
      </c>
      <c r="C1066" s="6">
        <v>12111923</v>
      </c>
    </row>
    <row r="1067" spans="2:3" x14ac:dyDescent="0.25">
      <c r="B1067" s="21">
        <v>41243</v>
      </c>
      <c r="C1067" s="6">
        <v>12079007</v>
      </c>
    </row>
    <row r="1068" spans="2:3" x14ac:dyDescent="0.25">
      <c r="B1068" s="21">
        <v>41244</v>
      </c>
      <c r="C1068" s="6">
        <v>10785626</v>
      </c>
    </row>
    <row r="1069" spans="2:3" x14ac:dyDescent="0.25">
      <c r="B1069" s="21">
        <v>41245</v>
      </c>
      <c r="C1069" s="6">
        <v>10762710</v>
      </c>
    </row>
    <row r="1070" spans="2:3" x14ac:dyDescent="0.25">
      <c r="B1070" s="21">
        <v>41246</v>
      </c>
      <c r="C1070" s="6">
        <v>12675136</v>
      </c>
    </row>
    <row r="1071" spans="2:3" x14ac:dyDescent="0.25">
      <c r="B1071" s="21">
        <v>41247</v>
      </c>
      <c r="C1071" s="6">
        <v>12946771</v>
      </c>
    </row>
    <row r="1072" spans="2:3" x14ac:dyDescent="0.25">
      <c r="B1072" s="21">
        <v>41248</v>
      </c>
      <c r="C1072" s="6">
        <v>12847937</v>
      </c>
    </row>
    <row r="1073" spans="2:3" x14ac:dyDescent="0.25">
      <c r="B1073" s="21">
        <v>41249</v>
      </c>
      <c r="C1073" s="6">
        <v>13049992</v>
      </c>
    </row>
    <row r="1074" spans="2:3" x14ac:dyDescent="0.25">
      <c r="B1074" s="21">
        <v>41250</v>
      </c>
      <c r="C1074" s="6">
        <v>13063044</v>
      </c>
    </row>
    <row r="1075" spans="2:3" x14ac:dyDescent="0.25">
      <c r="B1075" s="21">
        <v>41251</v>
      </c>
      <c r="C1075" s="6">
        <v>11879781</v>
      </c>
    </row>
    <row r="1076" spans="2:3" x14ac:dyDescent="0.25">
      <c r="B1076" s="21">
        <v>41252</v>
      </c>
      <c r="C1076" s="6">
        <v>11731587</v>
      </c>
    </row>
    <row r="1077" spans="2:3" x14ac:dyDescent="0.25">
      <c r="B1077" s="21">
        <v>41253</v>
      </c>
      <c r="C1077" s="6">
        <v>13260935</v>
      </c>
    </row>
    <row r="1078" spans="2:3" x14ac:dyDescent="0.25">
      <c r="B1078" s="21">
        <v>41254</v>
      </c>
      <c r="C1078" s="6">
        <v>13438321</v>
      </c>
    </row>
    <row r="1079" spans="2:3" x14ac:dyDescent="0.25">
      <c r="B1079" s="21">
        <v>41255</v>
      </c>
      <c r="C1079" s="6">
        <v>13626281</v>
      </c>
    </row>
    <row r="1080" spans="2:3" x14ac:dyDescent="0.25">
      <c r="B1080" s="21">
        <v>41256</v>
      </c>
      <c r="C1080" s="6">
        <v>13657125</v>
      </c>
    </row>
    <row r="1081" spans="2:3" x14ac:dyDescent="0.25">
      <c r="B1081" s="21">
        <v>41257</v>
      </c>
      <c r="C1081" s="6">
        <v>13302431</v>
      </c>
    </row>
    <row r="1082" spans="2:3" x14ac:dyDescent="0.25">
      <c r="B1082" s="21">
        <v>41258</v>
      </c>
      <c r="C1082" s="6">
        <v>11618997</v>
      </c>
    </row>
    <row r="1083" spans="2:3" x14ac:dyDescent="0.25">
      <c r="B1083" s="21">
        <v>41259</v>
      </c>
      <c r="C1083" s="6">
        <v>10963789</v>
      </c>
    </row>
    <row r="1084" spans="2:3" x14ac:dyDescent="0.25">
      <c r="B1084" s="21">
        <v>41260</v>
      </c>
      <c r="C1084" s="6">
        <v>12477702</v>
      </c>
    </row>
    <row r="1085" spans="2:3" x14ac:dyDescent="0.25">
      <c r="B1085" s="21">
        <v>41261</v>
      </c>
      <c r="C1085" s="6">
        <v>12397883</v>
      </c>
    </row>
    <row r="1086" spans="2:3" x14ac:dyDescent="0.25">
      <c r="B1086" s="21">
        <v>41262</v>
      </c>
      <c r="C1086" s="6">
        <v>12213249</v>
      </c>
    </row>
    <row r="1087" spans="2:3" x14ac:dyDescent="0.25">
      <c r="B1087" s="21">
        <v>41263</v>
      </c>
      <c r="C1087" s="6">
        <v>12003270</v>
      </c>
    </row>
    <row r="1088" spans="2:3" x14ac:dyDescent="0.25">
      <c r="B1088" s="21">
        <v>41264</v>
      </c>
      <c r="C1088" s="6">
        <v>11678775</v>
      </c>
    </row>
    <row r="1089" spans="2:3" x14ac:dyDescent="0.25">
      <c r="B1089" s="21">
        <v>41265</v>
      </c>
      <c r="C1089" s="6">
        <v>10584364</v>
      </c>
    </row>
    <row r="1090" spans="2:3" x14ac:dyDescent="0.25">
      <c r="B1090" s="21">
        <v>41266</v>
      </c>
      <c r="C1090" s="6">
        <v>9995583</v>
      </c>
    </row>
    <row r="1091" spans="2:3" x14ac:dyDescent="0.25">
      <c r="B1091" s="21">
        <v>41267</v>
      </c>
      <c r="C1091" s="6">
        <v>8965830</v>
      </c>
    </row>
    <row r="1092" spans="2:3" x14ac:dyDescent="0.25">
      <c r="B1092" s="21">
        <v>41268</v>
      </c>
      <c r="C1092" s="6">
        <v>8615695</v>
      </c>
    </row>
    <row r="1093" spans="2:3" x14ac:dyDescent="0.25">
      <c r="B1093" s="21">
        <v>41269</v>
      </c>
      <c r="C1093" s="6">
        <v>8830426</v>
      </c>
    </row>
    <row r="1094" spans="2:3" x14ac:dyDescent="0.25">
      <c r="B1094" s="21">
        <v>41270</v>
      </c>
      <c r="C1094" s="6">
        <v>9779952</v>
      </c>
    </row>
    <row r="1095" spans="2:3" x14ac:dyDescent="0.25">
      <c r="B1095" s="21">
        <v>41271</v>
      </c>
      <c r="C1095" s="6">
        <v>10005223</v>
      </c>
    </row>
    <row r="1096" spans="2:3" x14ac:dyDescent="0.25">
      <c r="B1096" s="21">
        <v>41272</v>
      </c>
      <c r="C1096" s="6">
        <v>9612931</v>
      </c>
    </row>
    <row r="1097" spans="2:3" x14ac:dyDescent="0.25">
      <c r="B1097" s="21">
        <v>41273</v>
      </c>
      <c r="C1097" s="6">
        <v>9514758</v>
      </c>
    </row>
    <row r="1098" spans="2:3" x14ac:dyDescent="0.25">
      <c r="B1098" s="21">
        <v>41274</v>
      </c>
      <c r="C1098" s="6">
        <v>9150097</v>
      </c>
    </row>
    <row r="1099" spans="2:3" x14ac:dyDescent="0.25">
      <c r="B1099" s="21">
        <v>41275</v>
      </c>
      <c r="C1099" s="6">
        <v>8750588</v>
      </c>
    </row>
    <row r="1100" spans="2:3" x14ac:dyDescent="0.25">
      <c r="B1100" s="21">
        <v>41276</v>
      </c>
      <c r="C1100" s="6">
        <v>10946565</v>
      </c>
    </row>
    <row r="1101" spans="2:3" x14ac:dyDescent="0.25">
      <c r="B1101" s="21">
        <v>41277</v>
      </c>
      <c r="C1101" s="6">
        <v>11628812</v>
      </c>
    </row>
    <row r="1102" spans="2:3" x14ac:dyDescent="0.25">
      <c r="B1102" s="21">
        <v>41278</v>
      </c>
      <c r="C1102" s="6">
        <v>11295763</v>
      </c>
    </row>
    <row r="1103" spans="2:3" x14ac:dyDescent="0.25">
      <c r="B1103" s="21">
        <v>41279</v>
      </c>
      <c r="C1103" s="6">
        <v>10049827</v>
      </c>
    </row>
    <row r="1104" spans="2:3" x14ac:dyDescent="0.25">
      <c r="B1104" s="21">
        <v>41280</v>
      </c>
      <c r="C1104" s="6">
        <v>9945429</v>
      </c>
    </row>
    <row r="1105" spans="2:3" x14ac:dyDescent="0.25">
      <c r="B1105" s="21">
        <v>41281</v>
      </c>
      <c r="C1105" s="6">
        <v>12114775</v>
      </c>
    </row>
    <row r="1106" spans="2:3" x14ac:dyDescent="0.25">
      <c r="B1106" s="21">
        <v>41282</v>
      </c>
      <c r="C1106" s="6">
        <v>12551022</v>
      </c>
    </row>
    <row r="1107" spans="2:3" x14ac:dyDescent="0.25">
      <c r="B1107" s="21">
        <v>41283</v>
      </c>
      <c r="C1107" s="6">
        <v>12464873</v>
      </c>
    </row>
    <row r="1108" spans="2:3" x14ac:dyDescent="0.25">
      <c r="B1108" s="21">
        <v>41284</v>
      </c>
      <c r="C1108" s="6">
        <v>12384325</v>
      </c>
    </row>
    <row r="1109" spans="2:3" x14ac:dyDescent="0.25">
      <c r="B1109" s="21">
        <v>41285</v>
      </c>
      <c r="C1109" s="6">
        <v>12429938</v>
      </c>
    </row>
    <row r="1110" spans="2:3" x14ac:dyDescent="0.25">
      <c r="B1110" s="21">
        <v>41286</v>
      </c>
      <c r="C1110" s="6">
        <v>11124257</v>
      </c>
    </row>
    <row r="1111" spans="2:3" x14ac:dyDescent="0.25">
      <c r="B1111" s="21">
        <v>41287</v>
      </c>
      <c r="C1111" s="6">
        <v>11031177</v>
      </c>
    </row>
    <row r="1112" spans="2:3" x14ac:dyDescent="0.25">
      <c r="B1112" s="21">
        <v>41288</v>
      </c>
      <c r="C1112" s="6">
        <v>13025081</v>
      </c>
    </row>
    <row r="1113" spans="2:3" x14ac:dyDescent="0.25">
      <c r="B1113" s="21">
        <v>41289</v>
      </c>
      <c r="C1113" s="6">
        <v>13175166</v>
      </c>
    </row>
    <row r="1114" spans="2:3" x14ac:dyDescent="0.25">
      <c r="B1114" s="21">
        <v>41290</v>
      </c>
      <c r="C1114" s="6">
        <v>13226483</v>
      </c>
    </row>
    <row r="1115" spans="2:3" x14ac:dyDescent="0.25">
      <c r="B1115" s="21">
        <v>41291</v>
      </c>
      <c r="C1115" s="6">
        <v>13250174</v>
      </c>
    </row>
    <row r="1116" spans="2:3" x14ac:dyDescent="0.25">
      <c r="B1116" s="21">
        <v>41292</v>
      </c>
      <c r="C1116" s="6">
        <v>13277795</v>
      </c>
    </row>
    <row r="1117" spans="2:3" x14ac:dyDescent="0.25">
      <c r="B1117" s="21">
        <v>41293</v>
      </c>
      <c r="C1117" s="6">
        <v>11738774</v>
      </c>
    </row>
    <row r="1118" spans="2:3" x14ac:dyDescent="0.25">
      <c r="B1118" s="21">
        <v>41294</v>
      </c>
      <c r="C1118" s="6">
        <v>11371240</v>
      </c>
    </row>
    <row r="1119" spans="2:3" x14ac:dyDescent="0.25">
      <c r="B1119" s="21">
        <v>41295</v>
      </c>
      <c r="C1119" s="6">
        <v>13269344</v>
      </c>
    </row>
    <row r="1120" spans="2:3" x14ac:dyDescent="0.25">
      <c r="B1120" s="21">
        <v>41296</v>
      </c>
      <c r="C1120" s="6">
        <v>13529621</v>
      </c>
    </row>
    <row r="1121" spans="2:3" x14ac:dyDescent="0.25">
      <c r="B1121" s="21">
        <v>41297</v>
      </c>
      <c r="C1121" s="6">
        <v>13599424</v>
      </c>
    </row>
    <row r="1122" spans="2:3" x14ac:dyDescent="0.25">
      <c r="B1122" s="21">
        <v>41298</v>
      </c>
      <c r="C1122" s="6">
        <v>13561446</v>
      </c>
    </row>
    <row r="1123" spans="2:3" x14ac:dyDescent="0.25">
      <c r="B1123" s="21">
        <v>41299</v>
      </c>
      <c r="C1123" s="6">
        <v>13471080</v>
      </c>
    </row>
    <row r="1124" spans="2:3" x14ac:dyDescent="0.25">
      <c r="B1124" s="21">
        <v>41300</v>
      </c>
      <c r="C1124" s="6">
        <v>12183909</v>
      </c>
    </row>
    <row r="1125" spans="2:3" x14ac:dyDescent="0.25">
      <c r="B1125" s="21">
        <v>41301</v>
      </c>
      <c r="C1125" s="6">
        <v>11722212</v>
      </c>
    </row>
    <row r="1126" spans="2:3" x14ac:dyDescent="0.25">
      <c r="B1126" s="21">
        <v>41302</v>
      </c>
      <c r="C1126" s="6">
        <v>13128388</v>
      </c>
    </row>
    <row r="1127" spans="2:3" x14ac:dyDescent="0.25">
      <c r="B1127" s="21">
        <v>41303</v>
      </c>
      <c r="C1127" s="6">
        <v>12984173</v>
      </c>
    </row>
    <row r="1128" spans="2:3" x14ac:dyDescent="0.25">
      <c r="B1128" s="21">
        <v>41304</v>
      </c>
      <c r="C1128" s="6">
        <v>12474112</v>
      </c>
    </row>
    <row r="1129" spans="2:3" x14ac:dyDescent="0.25">
      <c r="B1129" s="21">
        <v>41305</v>
      </c>
      <c r="C1129" s="6">
        <v>12173449</v>
      </c>
    </row>
    <row r="1130" spans="2:3" x14ac:dyDescent="0.25">
      <c r="B1130" s="21">
        <v>41306</v>
      </c>
      <c r="C1130" s="6">
        <v>12044652</v>
      </c>
    </row>
    <row r="1131" spans="2:3" x14ac:dyDescent="0.25">
      <c r="B1131" s="21">
        <v>41307</v>
      </c>
      <c r="C1131" s="6">
        <v>10636751</v>
      </c>
    </row>
    <row r="1132" spans="2:3" x14ac:dyDescent="0.25">
      <c r="B1132" s="21">
        <v>41308</v>
      </c>
      <c r="C1132" s="6">
        <v>10538905</v>
      </c>
    </row>
    <row r="1133" spans="2:3" x14ac:dyDescent="0.25">
      <c r="B1133" s="21">
        <v>41309</v>
      </c>
      <c r="C1133" s="6">
        <v>12471060</v>
      </c>
    </row>
    <row r="1134" spans="2:3" x14ac:dyDescent="0.25">
      <c r="B1134" s="21">
        <v>41310</v>
      </c>
      <c r="C1134" s="6">
        <v>12527097</v>
      </c>
    </row>
    <row r="1135" spans="2:3" x14ac:dyDescent="0.25">
      <c r="B1135" s="21">
        <v>41311</v>
      </c>
      <c r="C1135" s="6">
        <v>12618518</v>
      </c>
    </row>
    <row r="1136" spans="2:3" x14ac:dyDescent="0.25">
      <c r="B1136" s="21">
        <v>41312</v>
      </c>
      <c r="C1136" s="6">
        <v>12683809</v>
      </c>
    </row>
    <row r="1137" spans="2:3" x14ac:dyDescent="0.25">
      <c r="B1137" s="21">
        <v>41313</v>
      </c>
      <c r="C1137" s="6">
        <v>12617352</v>
      </c>
    </row>
    <row r="1138" spans="2:3" x14ac:dyDescent="0.25">
      <c r="B1138" s="21">
        <v>41314</v>
      </c>
      <c r="C1138" s="6">
        <v>11164231</v>
      </c>
    </row>
    <row r="1139" spans="2:3" x14ac:dyDescent="0.25">
      <c r="B1139" s="21">
        <v>41315</v>
      </c>
      <c r="C1139" s="6">
        <v>10950873</v>
      </c>
    </row>
    <row r="1140" spans="2:3" x14ac:dyDescent="0.25">
      <c r="B1140" s="21">
        <v>41316</v>
      </c>
      <c r="C1140" s="6">
        <v>12887211</v>
      </c>
    </row>
    <row r="1141" spans="2:3" x14ac:dyDescent="0.25">
      <c r="B1141" s="21">
        <v>41317</v>
      </c>
      <c r="C1141" s="6">
        <v>13133332</v>
      </c>
    </row>
    <row r="1142" spans="2:3" x14ac:dyDescent="0.25">
      <c r="B1142" s="21">
        <v>41318</v>
      </c>
      <c r="C1142" s="6">
        <v>13050715</v>
      </c>
    </row>
    <row r="1143" spans="2:3" x14ac:dyDescent="0.25">
      <c r="B1143" s="21">
        <v>41319</v>
      </c>
      <c r="C1143" s="6">
        <v>12960582</v>
      </c>
    </row>
    <row r="1144" spans="2:3" x14ac:dyDescent="0.25">
      <c r="B1144" s="21">
        <v>41320</v>
      </c>
      <c r="C1144" s="6">
        <v>12637779</v>
      </c>
    </row>
    <row r="1145" spans="2:3" x14ac:dyDescent="0.25">
      <c r="B1145" s="21">
        <v>41321</v>
      </c>
      <c r="C1145" s="6">
        <v>11102580</v>
      </c>
    </row>
    <row r="1146" spans="2:3" x14ac:dyDescent="0.25">
      <c r="B1146" s="21">
        <v>41322</v>
      </c>
      <c r="C1146" s="6">
        <v>10773658</v>
      </c>
    </row>
    <row r="1147" spans="2:3" x14ac:dyDescent="0.25">
      <c r="B1147" s="21">
        <v>41323</v>
      </c>
      <c r="C1147" s="6">
        <v>12613612</v>
      </c>
    </row>
    <row r="1148" spans="2:3" x14ac:dyDescent="0.25">
      <c r="B1148" s="21">
        <v>41324</v>
      </c>
      <c r="C1148" s="6">
        <v>12770697</v>
      </c>
    </row>
    <row r="1149" spans="2:3" x14ac:dyDescent="0.25">
      <c r="B1149" s="21">
        <v>41325</v>
      </c>
      <c r="C1149" s="6">
        <v>12770217</v>
      </c>
    </row>
    <row r="1150" spans="2:3" x14ac:dyDescent="0.25">
      <c r="B1150" s="21">
        <v>41326</v>
      </c>
      <c r="C1150" s="6">
        <v>12971872</v>
      </c>
    </row>
    <row r="1151" spans="2:3" x14ac:dyDescent="0.25">
      <c r="B1151" s="21">
        <v>41327</v>
      </c>
      <c r="C1151" s="6">
        <v>13002510</v>
      </c>
    </row>
    <row r="1152" spans="2:3" x14ac:dyDescent="0.25">
      <c r="B1152" s="21">
        <v>41328</v>
      </c>
      <c r="C1152" s="6">
        <v>11504341</v>
      </c>
    </row>
    <row r="1153" spans="2:3" x14ac:dyDescent="0.25">
      <c r="B1153" s="21">
        <v>41329</v>
      </c>
      <c r="C1153" s="6">
        <v>10895455</v>
      </c>
    </row>
    <row r="1154" spans="2:3" x14ac:dyDescent="0.25">
      <c r="B1154" s="21">
        <v>41330</v>
      </c>
      <c r="C1154" s="6">
        <v>12500207</v>
      </c>
    </row>
    <row r="1155" spans="2:3" x14ac:dyDescent="0.25">
      <c r="B1155" s="21">
        <v>41331</v>
      </c>
      <c r="C1155" s="6">
        <v>12505045</v>
      </c>
    </row>
    <row r="1156" spans="2:3" x14ac:dyDescent="0.25">
      <c r="B1156" s="21">
        <v>41332</v>
      </c>
      <c r="C1156" s="6">
        <v>12646321</v>
      </c>
    </row>
    <row r="1157" spans="2:3" x14ac:dyDescent="0.25">
      <c r="B1157" s="21">
        <v>41333</v>
      </c>
      <c r="C1157" s="6">
        <v>12474484</v>
      </c>
    </row>
    <row r="1158" spans="2:3" x14ac:dyDescent="0.25">
      <c r="B1158" s="21">
        <v>41334</v>
      </c>
      <c r="C1158" s="6">
        <v>12323869</v>
      </c>
    </row>
    <row r="1159" spans="2:3" x14ac:dyDescent="0.25">
      <c r="B1159" s="21">
        <v>41335</v>
      </c>
      <c r="C1159" s="6">
        <v>10531358</v>
      </c>
    </row>
    <row r="1160" spans="2:3" x14ac:dyDescent="0.25">
      <c r="B1160" s="21">
        <v>41336</v>
      </c>
      <c r="C1160" s="6">
        <v>10313461</v>
      </c>
    </row>
    <row r="1161" spans="2:3" x14ac:dyDescent="0.25">
      <c r="B1161" s="21">
        <v>41337</v>
      </c>
      <c r="C1161" s="6">
        <v>11947525</v>
      </c>
    </row>
    <row r="1162" spans="2:3" x14ac:dyDescent="0.25">
      <c r="B1162" s="21">
        <v>41338</v>
      </c>
      <c r="C1162" s="6">
        <v>11993993</v>
      </c>
    </row>
    <row r="1163" spans="2:3" x14ac:dyDescent="0.25">
      <c r="B1163" s="21">
        <v>41339</v>
      </c>
      <c r="C1163" s="6">
        <v>11924776</v>
      </c>
    </row>
    <row r="1164" spans="2:3" x14ac:dyDescent="0.25">
      <c r="B1164" s="21">
        <v>41340</v>
      </c>
      <c r="C1164" s="6">
        <v>11931177</v>
      </c>
    </row>
    <row r="1165" spans="2:3" x14ac:dyDescent="0.25">
      <c r="B1165" s="21">
        <v>41341</v>
      </c>
      <c r="C1165" s="6">
        <v>11727072</v>
      </c>
    </row>
    <row r="1166" spans="2:3" x14ac:dyDescent="0.25">
      <c r="B1166" s="21">
        <v>41342</v>
      </c>
      <c r="C1166" s="6">
        <v>10302877</v>
      </c>
    </row>
    <row r="1167" spans="2:3" x14ac:dyDescent="0.25">
      <c r="B1167" s="21">
        <v>41343</v>
      </c>
      <c r="C1167" s="6">
        <v>9803534</v>
      </c>
    </row>
    <row r="1168" spans="2:3" x14ac:dyDescent="0.25">
      <c r="B1168" s="21">
        <v>41344</v>
      </c>
      <c r="C1168" s="6">
        <v>12019320</v>
      </c>
    </row>
    <row r="1169" spans="2:3" x14ac:dyDescent="0.25">
      <c r="B1169" s="21">
        <v>41345</v>
      </c>
      <c r="C1169" s="6">
        <v>12506085</v>
      </c>
    </row>
    <row r="1170" spans="2:3" x14ac:dyDescent="0.25">
      <c r="B1170" s="21">
        <v>41346</v>
      </c>
      <c r="C1170" s="6">
        <v>12638778</v>
      </c>
    </row>
    <row r="1171" spans="2:3" x14ac:dyDescent="0.25">
      <c r="B1171" s="21">
        <v>41347</v>
      </c>
      <c r="C1171" s="6">
        <v>12679816</v>
      </c>
    </row>
    <row r="1172" spans="2:3" x14ac:dyDescent="0.25">
      <c r="B1172" s="21">
        <v>41348</v>
      </c>
      <c r="C1172" s="6">
        <v>12568705</v>
      </c>
    </row>
    <row r="1173" spans="2:3" x14ac:dyDescent="0.25">
      <c r="B1173" s="21">
        <v>41349</v>
      </c>
      <c r="C1173" s="6">
        <v>10963060</v>
      </c>
    </row>
    <row r="1174" spans="2:3" x14ac:dyDescent="0.25">
      <c r="B1174" s="21">
        <v>41350</v>
      </c>
      <c r="C1174" s="6">
        <v>10392630</v>
      </c>
    </row>
    <row r="1175" spans="2:3" x14ac:dyDescent="0.25">
      <c r="B1175" s="21">
        <v>41351</v>
      </c>
      <c r="C1175" s="6">
        <v>12411571</v>
      </c>
    </row>
    <row r="1176" spans="2:3" x14ac:dyDescent="0.25">
      <c r="B1176" s="21">
        <v>41352</v>
      </c>
      <c r="C1176" s="6">
        <v>12440067</v>
      </c>
    </row>
    <row r="1177" spans="2:3" x14ac:dyDescent="0.25">
      <c r="B1177" s="21">
        <v>41353</v>
      </c>
      <c r="C1177" s="6">
        <v>12153836</v>
      </c>
    </row>
    <row r="1178" spans="2:3" x14ac:dyDescent="0.25">
      <c r="B1178" s="21">
        <v>41354</v>
      </c>
      <c r="C1178" s="6">
        <v>12335163</v>
      </c>
    </row>
    <row r="1179" spans="2:3" x14ac:dyDescent="0.25">
      <c r="B1179" s="21">
        <v>41355</v>
      </c>
      <c r="C1179" s="6">
        <v>12355207</v>
      </c>
    </row>
    <row r="1180" spans="2:3" x14ac:dyDescent="0.25">
      <c r="B1180" s="21">
        <v>41356</v>
      </c>
      <c r="C1180" s="6">
        <v>10844222</v>
      </c>
    </row>
    <row r="1181" spans="2:3" x14ac:dyDescent="0.25">
      <c r="B1181" s="21">
        <v>41357</v>
      </c>
      <c r="C1181" s="6">
        <v>10692601</v>
      </c>
    </row>
    <row r="1182" spans="2:3" x14ac:dyDescent="0.25">
      <c r="B1182" s="21">
        <v>41358</v>
      </c>
      <c r="C1182" s="6">
        <v>12770793</v>
      </c>
    </row>
    <row r="1183" spans="2:3" x14ac:dyDescent="0.25">
      <c r="B1183" s="21">
        <v>41359</v>
      </c>
      <c r="C1183" s="6">
        <v>12999744</v>
      </c>
    </row>
    <row r="1184" spans="2:3" x14ac:dyDescent="0.25">
      <c r="B1184" s="21">
        <v>41360</v>
      </c>
      <c r="C1184" s="6">
        <v>13016179</v>
      </c>
    </row>
    <row r="1185" spans="2:3" x14ac:dyDescent="0.25">
      <c r="B1185" s="21">
        <v>41361</v>
      </c>
      <c r="C1185" s="6">
        <v>12839575</v>
      </c>
    </row>
    <row r="1186" spans="2:3" x14ac:dyDescent="0.25">
      <c r="B1186" s="21">
        <v>41362</v>
      </c>
      <c r="C1186" s="6">
        <v>12307325</v>
      </c>
    </row>
    <row r="1187" spans="2:3" x14ac:dyDescent="0.25">
      <c r="B1187" s="21">
        <v>41363</v>
      </c>
      <c r="C1187" s="6">
        <v>10672300</v>
      </c>
    </row>
    <row r="1188" spans="2:3" x14ac:dyDescent="0.25">
      <c r="B1188" s="21">
        <v>41364</v>
      </c>
      <c r="C1188" s="6">
        <v>9803075</v>
      </c>
    </row>
    <row r="1189" spans="2:3" x14ac:dyDescent="0.25">
      <c r="B1189" s="21">
        <v>41365</v>
      </c>
      <c r="C1189" s="6">
        <v>9766463</v>
      </c>
    </row>
    <row r="1190" spans="2:3" x14ac:dyDescent="0.25">
      <c r="B1190" s="21">
        <v>41366</v>
      </c>
      <c r="C1190" s="6">
        <v>11984918</v>
      </c>
    </row>
    <row r="1191" spans="2:3" x14ac:dyDescent="0.25">
      <c r="B1191" s="21">
        <v>41367</v>
      </c>
      <c r="C1191" s="6">
        <v>12445765</v>
      </c>
    </row>
    <row r="1192" spans="2:3" x14ac:dyDescent="0.25">
      <c r="B1192" s="21">
        <v>41368</v>
      </c>
      <c r="C1192" s="6">
        <v>12392857</v>
      </c>
    </row>
    <row r="1193" spans="2:3" x14ac:dyDescent="0.25">
      <c r="B1193" s="21">
        <v>41369</v>
      </c>
      <c r="C1193" s="6">
        <v>12312014</v>
      </c>
    </row>
    <row r="1194" spans="2:3" x14ac:dyDescent="0.25">
      <c r="B1194" s="21">
        <v>41370</v>
      </c>
      <c r="C1194" s="6">
        <v>10664811</v>
      </c>
    </row>
    <row r="1195" spans="2:3" x14ac:dyDescent="0.25">
      <c r="B1195" s="21">
        <v>41371</v>
      </c>
      <c r="C1195" s="6">
        <v>10233898</v>
      </c>
    </row>
    <row r="1196" spans="2:3" x14ac:dyDescent="0.25">
      <c r="B1196" s="21">
        <v>41372</v>
      </c>
      <c r="C1196" s="6">
        <v>11736186</v>
      </c>
    </row>
    <row r="1197" spans="2:3" x14ac:dyDescent="0.25">
      <c r="B1197" s="21">
        <v>41373</v>
      </c>
      <c r="C1197" s="6">
        <v>11893322</v>
      </c>
    </row>
    <row r="1198" spans="2:3" x14ac:dyDescent="0.25">
      <c r="B1198" s="21">
        <v>41374</v>
      </c>
      <c r="C1198" s="6">
        <v>11772275</v>
      </c>
    </row>
    <row r="1199" spans="2:3" x14ac:dyDescent="0.25">
      <c r="B1199" s="21">
        <v>41375</v>
      </c>
      <c r="C1199" s="6">
        <v>11488408</v>
      </c>
    </row>
    <row r="1200" spans="2:3" x14ac:dyDescent="0.25">
      <c r="B1200" s="21">
        <v>41376</v>
      </c>
      <c r="C1200" s="6">
        <v>11153891</v>
      </c>
    </row>
    <row r="1201" spans="2:3" x14ac:dyDescent="0.25">
      <c r="B1201" s="21">
        <v>41377</v>
      </c>
      <c r="C1201" s="6">
        <v>9550647</v>
      </c>
    </row>
    <row r="1202" spans="2:3" x14ac:dyDescent="0.25">
      <c r="B1202" s="21">
        <v>41378</v>
      </c>
      <c r="C1202" s="6">
        <v>9139636</v>
      </c>
    </row>
    <row r="1203" spans="2:3" x14ac:dyDescent="0.25">
      <c r="B1203" s="21">
        <v>41379</v>
      </c>
      <c r="C1203" s="6">
        <v>10603798</v>
      </c>
    </row>
    <row r="1204" spans="2:3" x14ac:dyDescent="0.25">
      <c r="B1204" s="21">
        <v>41380</v>
      </c>
      <c r="C1204" s="6">
        <v>10611298</v>
      </c>
    </row>
    <row r="1205" spans="2:3" x14ac:dyDescent="0.25">
      <c r="B1205" s="21">
        <v>41381</v>
      </c>
      <c r="C1205" s="6">
        <v>10678563</v>
      </c>
    </row>
    <row r="1206" spans="2:3" x14ac:dyDescent="0.25">
      <c r="B1206" s="21">
        <v>41382</v>
      </c>
      <c r="C1206" s="6">
        <v>10493539</v>
      </c>
    </row>
    <row r="1207" spans="2:3" x14ac:dyDescent="0.25">
      <c r="B1207" s="21">
        <v>41383</v>
      </c>
      <c r="C1207" s="6">
        <v>10528550</v>
      </c>
    </row>
    <row r="1208" spans="2:3" x14ac:dyDescent="0.25">
      <c r="B1208" s="21">
        <v>41384</v>
      </c>
      <c r="C1208" s="6">
        <v>9219183</v>
      </c>
    </row>
    <row r="1209" spans="2:3" x14ac:dyDescent="0.25">
      <c r="B1209" s="21">
        <v>41385</v>
      </c>
      <c r="C1209" s="6">
        <v>8753586</v>
      </c>
    </row>
    <row r="1210" spans="2:3" x14ac:dyDescent="0.25">
      <c r="B1210" s="21">
        <v>41386</v>
      </c>
      <c r="C1210" s="6">
        <v>10436590</v>
      </c>
    </row>
    <row r="1211" spans="2:3" x14ac:dyDescent="0.25">
      <c r="B1211" s="21">
        <v>41387</v>
      </c>
      <c r="C1211" s="6">
        <v>10476459</v>
      </c>
    </row>
    <row r="1212" spans="2:3" x14ac:dyDescent="0.25">
      <c r="B1212" s="21">
        <v>41388</v>
      </c>
      <c r="C1212" s="6">
        <v>10375160</v>
      </c>
    </row>
    <row r="1213" spans="2:3" x14ac:dyDescent="0.25">
      <c r="B1213" s="21">
        <v>41389</v>
      </c>
      <c r="C1213" s="6">
        <v>10362107</v>
      </c>
    </row>
    <row r="1214" spans="2:3" x14ac:dyDescent="0.25">
      <c r="B1214" s="21">
        <v>41390</v>
      </c>
      <c r="C1214" s="6">
        <v>10089875</v>
      </c>
    </row>
    <row r="1215" spans="2:3" x14ac:dyDescent="0.25">
      <c r="B1215" s="21">
        <v>41391</v>
      </c>
      <c r="C1215" s="6">
        <v>8706672</v>
      </c>
    </row>
    <row r="1216" spans="2:3" x14ac:dyDescent="0.25">
      <c r="B1216" s="21">
        <v>41392</v>
      </c>
      <c r="C1216" s="6">
        <v>8569636</v>
      </c>
    </row>
    <row r="1217" spans="2:3" x14ac:dyDescent="0.25">
      <c r="B1217" s="21">
        <v>41393</v>
      </c>
      <c r="C1217" s="6">
        <v>10291150</v>
      </c>
    </row>
    <row r="1218" spans="2:3" x14ac:dyDescent="0.25">
      <c r="B1218" s="21">
        <v>41394</v>
      </c>
      <c r="C1218" s="6">
        <v>10166665</v>
      </c>
    </row>
    <row r="1219" spans="2:3" x14ac:dyDescent="0.25">
      <c r="B1219" s="21">
        <v>41395</v>
      </c>
      <c r="C1219" s="6">
        <v>8819558</v>
      </c>
    </row>
    <row r="1220" spans="2:3" x14ac:dyDescent="0.25">
      <c r="B1220" s="21">
        <v>41396</v>
      </c>
      <c r="C1220" s="6">
        <v>10312388</v>
      </c>
    </row>
    <row r="1221" spans="2:3" x14ac:dyDescent="0.25">
      <c r="B1221" s="21">
        <v>41397</v>
      </c>
      <c r="C1221" s="6">
        <v>10324148</v>
      </c>
    </row>
    <row r="1222" spans="2:3" x14ac:dyDescent="0.25">
      <c r="B1222" s="21">
        <v>41398</v>
      </c>
      <c r="C1222" s="6">
        <v>8904765</v>
      </c>
    </row>
    <row r="1223" spans="2:3" x14ac:dyDescent="0.25">
      <c r="B1223" s="21">
        <v>41399</v>
      </c>
      <c r="C1223" s="6">
        <v>8447472</v>
      </c>
    </row>
    <row r="1224" spans="2:3" x14ac:dyDescent="0.25">
      <c r="B1224" s="21">
        <v>41400</v>
      </c>
      <c r="C1224" s="6">
        <v>10209637</v>
      </c>
    </row>
    <row r="1225" spans="2:3" x14ac:dyDescent="0.25">
      <c r="B1225" s="21">
        <v>41401</v>
      </c>
      <c r="C1225" s="6">
        <v>10312666</v>
      </c>
    </row>
    <row r="1226" spans="2:3" x14ac:dyDescent="0.25">
      <c r="B1226" s="21">
        <v>41402</v>
      </c>
      <c r="C1226" s="6">
        <v>8890204</v>
      </c>
    </row>
    <row r="1227" spans="2:3" x14ac:dyDescent="0.25">
      <c r="B1227" s="21">
        <v>41403</v>
      </c>
      <c r="C1227" s="6">
        <v>9899057</v>
      </c>
    </row>
    <row r="1228" spans="2:3" x14ac:dyDescent="0.25">
      <c r="B1228" s="21">
        <v>41404</v>
      </c>
      <c r="C1228" s="6">
        <v>9858862</v>
      </c>
    </row>
    <row r="1229" spans="2:3" x14ac:dyDescent="0.25">
      <c r="B1229" s="21">
        <v>41405</v>
      </c>
      <c r="C1229" s="6">
        <v>8621964</v>
      </c>
    </row>
    <row r="1230" spans="2:3" x14ac:dyDescent="0.25">
      <c r="B1230" s="21">
        <v>41406</v>
      </c>
      <c r="C1230" s="6">
        <v>8338347</v>
      </c>
    </row>
    <row r="1231" spans="2:3" x14ac:dyDescent="0.25">
      <c r="B1231" s="21">
        <v>41407</v>
      </c>
      <c r="C1231" s="6">
        <v>10080563</v>
      </c>
    </row>
    <row r="1232" spans="2:3" x14ac:dyDescent="0.25">
      <c r="B1232" s="21">
        <v>41408</v>
      </c>
      <c r="C1232" s="6">
        <v>10114004</v>
      </c>
    </row>
    <row r="1233" spans="2:3" x14ac:dyDescent="0.25">
      <c r="B1233" s="21">
        <v>41409</v>
      </c>
      <c r="C1233" s="6">
        <v>10042429</v>
      </c>
    </row>
    <row r="1234" spans="2:3" x14ac:dyDescent="0.25">
      <c r="B1234" s="21">
        <v>41410</v>
      </c>
      <c r="C1234" s="6">
        <v>10063774</v>
      </c>
    </row>
    <row r="1235" spans="2:3" x14ac:dyDescent="0.25">
      <c r="B1235" s="21">
        <v>41411</v>
      </c>
      <c r="C1235" s="6">
        <v>9895375</v>
      </c>
    </row>
    <row r="1236" spans="2:3" x14ac:dyDescent="0.25">
      <c r="B1236" s="21">
        <v>41412</v>
      </c>
      <c r="C1236" s="6">
        <v>8472760</v>
      </c>
    </row>
    <row r="1237" spans="2:3" x14ac:dyDescent="0.25">
      <c r="B1237" s="21">
        <v>41413</v>
      </c>
      <c r="C1237" s="6">
        <v>8188398</v>
      </c>
    </row>
    <row r="1238" spans="2:3" x14ac:dyDescent="0.25">
      <c r="B1238" s="21">
        <v>41414</v>
      </c>
      <c r="C1238" s="6">
        <v>9840373</v>
      </c>
    </row>
    <row r="1239" spans="2:3" x14ac:dyDescent="0.25">
      <c r="B1239" s="21">
        <v>41415</v>
      </c>
      <c r="C1239" s="6">
        <v>10145938</v>
      </c>
    </row>
    <row r="1240" spans="2:3" x14ac:dyDescent="0.25">
      <c r="B1240" s="21">
        <v>41416</v>
      </c>
      <c r="C1240" s="6">
        <v>10252941</v>
      </c>
    </row>
    <row r="1241" spans="2:3" x14ac:dyDescent="0.25">
      <c r="B1241" s="21">
        <v>41417</v>
      </c>
      <c r="C1241" s="6">
        <v>10357384</v>
      </c>
    </row>
    <row r="1242" spans="2:3" x14ac:dyDescent="0.25">
      <c r="B1242" s="21">
        <v>41418</v>
      </c>
      <c r="C1242" s="6">
        <v>10386451</v>
      </c>
    </row>
    <row r="1243" spans="2:3" x14ac:dyDescent="0.25">
      <c r="B1243" s="21">
        <v>41419</v>
      </c>
      <c r="C1243" s="6">
        <v>8962363</v>
      </c>
    </row>
    <row r="1244" spans="2:3" x14ac:dyDescent="0.25">
      <c r="B1244" s="21">
        <v>41420</v>
      </c>
      <c r="C1244" s="6">
        <v>8731629</v>
      </c>
    </row>
    <row r="1245" spans="2:3" x14ac:dyDescent="0.25">
      <c r="B1245" s="21">
        <v>41421</v>
      </c>
      <c r="C1245" s="6">
        <v>10719488</v>
      </c>
    </row>
    <row r="1246" spans="2:3" x14ac:dyDescent="0.25">
      <c r="B1246" s="21">
        <v>41422</v>
      </c>
      <c r="C1246" s="6">
        <v>10594556</v>
      </c>
    </row>
    <row r="1247" spans="2:3" x14ac:dyDescent="0.25">
      <c r="B1247" s="21">
        <v>41423</v>
      </c>
      <c r="C1247" s="6">
        <v>10463413</v>
      </c>
    </row>
    <row r="1248" spans="2:3" x14ac:dyDescent="0.25">
      <c r="B1248" s="21">
        <v>41424</v>
      </c>
      <c r="C1248" s="6">
        <v>10718987</v>
      </c>
    </row>
    <row r="1249" spans="2:3" x14ac:dyDescent="0.25">
      <c r="B1249" s="21">
        <v>41425</v>
      </c>
      <c r="C1249" s="6">
        <v>10381001</v>
      </c>
    </row>
    <row r="1250" spans="2:3" x14ac:dyDescent="0.25">
      <c r="B1250" s="21">
        <v>41426</v>
      </c>
      <c r="C1250" s="6">
        <v>9021753</v>
      </c>
    </row>
    <row r="1251" spans="2:3" x14ac:dyDescent="0.25">
      <c r="B1251" s="21">
        <v>41427</v>
      </c>
      <c r="C1251" s="6">
        <v>8756013</v>
      </c>
    </row>
    <row r="1252" spans="2:3" x14ac:dyDescent="0.25">
      <c r="B1252" s="21">
        <v>41428</v>
      </c>
      <c r="C1252" s="6">
        <v>10659891</v>
      </c>
    </row>
    <row r="1253" spans="2:3" x14ac:dyDescent="0.25">
      <c r="B1253" s="21">
        <v>41429</v>
      </c>
      <c r="C1253" s="6">
        <v>10548345</v>
      </c>
    </row>
    <row r="1254" spans="2:3" x14ac:dyDescent="0.25">
      <c r="B1254" s="21">
        <v>41430</v>
      </c>
      <c r="C1254" s="6">
        <v>10366360</v>
      </c>
    </row>
    <row r="1255" spans="2:3" x14ac:dyDescent="0.25">
      <c r="B1255" s="21">
        <v>41431</v>
      </c>
      <c r="C1255" s="6">
        <v>10306900</v>
      </c>
    </row>
    <row r="1256" spans="2:3" x14ac:dyDescent="0.25">
      <c r="B1256" s="21">
        <v>41432</v>
      </c>
      <c r="C1256" s="6">
        <v>9946546</v>
      </c>
    </row>
    <row r="1257" spans="2:3" x14ac:dyDescent="0.25">
      <c r="B1257" s="21">
        <v>41433</v>
      </c>
      <c r="C1257" s="6">
        <v>8386835</v>
      </c>
    </row>
    <row r="1258" spans="2:3" x14ac:dyDescent="0.25">
      <c r="B1258" s="21">
        <v>41434</v>
      </c>
      <c r="C1258" s="6">
        <v>8133846</v>
      </c>
    </row>
    <row r="1259" spans="2:3" x14ac:dyDescent="0.25">
      <c r="B1259" s="21">
        <v>41435</v>
      </c>
      <c r="C1259" s="6">
        <v>10027634</v>
      </c>
    </row>
    <row r="1260" spans="2:3" x14ac:dyDescent="0.25">
      <c r="B1260" s="21">
        <v>41436</v>
      </c>
      <c r="C1260" s="6">
        <v>10147900</v>
      </c>
    </row>
    <row r="1261" spans="2:3" x14ac:dyDescent="0.25">
      <c r="B1261" s="21">
        <v>41437</v>
      </c>
      <c r="C1261" s="6">
        <v>10149405</v>
      </c>
    </row>
    <row r="1262" spans="2:3" x14ac:dyDescent="0.25">
      <c r="B1262" s="21">
        <v>41438</v>
      </c>
      <c r="C1262" s="6">
        <v>10180652</v>
      </c>
    </row>
    <row r="1263" spans="2:3" x14ac:dyDescent="0.25">
      <c r="B1263" s="21">
        <v>41439</v>
      </c>
      <c r="C1263" s="6">
        <v>9955858</v>
      </c>
    </row>
    <row r="1264" spans="2:3" x14ac:dyDescent="0.25">
      <c r="B1264" s="21">
        <v>41440</v>
      </c>
      <c r="C1264" s="6">
        <v>8429977</v>
      </c>
    </row>
    <row r="1265" spans="2:3" x14ac:dyDescent="0.25">
      <c r="B1265" s="21">
        <v>41441</v>
      </c>
      <c r="C1265" s="6">
        <v>8184909</v>
      </c>
    </row>
    <row r="1266" spans="2:3" x14ac:dyDescent="0.25">
      <c r="B1266" s="21">
        <v>41442</v>
      </c>
      <c r="C1266" s="6">
        <v>10170468</v>
      </c>
    </row>
    <row r="1267" spans="2:3" x14ac:dyDescent="0.25">
      <c r="B1267" s="21">
        <v>41443</v>
      </c>
      <c r="C1267" s="6">
        <v>10488528</v>
      </c>
    </row>
    <row r="1268" spans="2:3" x14ac:dyDescent="0.25">
      <c r="B1268" s="21">
        <v>41444</v>
      </c>
      <c r="C1268" s="6">
        <v>10624047</v>
      </c>
    </row>
    <row r="1269" spans="2:3" x14ac:dyDescent="0.25">
      <c r="B1269" s="21">
        <v>41445</v>
      </c>
      <c r="C1269" s="6">
        <v>10614848</v>
      </c>
    </row>
    <row r="1270" spans="2:3" x14ac:dyDescent="0.25">
      <c r="B1270" s="21">
        <v>41446</v>
      </c>
      <c r="C1270" s="6">
        <v>10187256</v>
      </c>
    </row>
    <row r="1271" spans="2:3" x14ac:dyDescent="0.25">
      <c r="B1271" s="21">
        <v>41447</v>
      </c>
      <c r="C1271" s="6">
        <v>8562397</v>
      </c>
    </row>
    <row r="1272" spans="2:3" x14ac:dyDescent="0.25">
      <c r="B1272" s="21">
        <v>41448</v>
      </c>
      <c r="C1272" s="6">
        <v>8289574</v>
      </c>
    </row>
    <row r="1273" spans="2:3" x14ac:dyDescent="0.25">
      <c r="B1273" s="21">
        <v>41449</v>
      </c>
      <c r="C1273" s="6">
        <v>10084272</v>
      </c>
    </row>
    <row r="1274" spans="2:3" x14ac:dyDescent="0.25">
      <c r="B1274" s="21">
        <v>41450</v>
      </c>
      <c r="C1274" s="6">
        <v>10260781</v>
      </c>
    </row>
    <row r="1275" spans="2:3" x14ac:dyDescent="0.25">
      <c r="B1275" s="21">
        <v>41451</v>
      </c>
      <c r="C1275" s="6">
        <v>10269312</v>
      </c>
    </row>
    <row r="1276" spans="2:3" x14ac:dyDescent="0.25">
      <c r="B1276" s="21">
        <v>41452</v>
      </c>
      <c r="C1276" s="6">
        <v>10199387</v>
      </c>
    </row>
    <row r="1277" spans="2:3" x14ac:dyDescent="0.25">
      <c r="B1277" s="21">
        <v>41453</v>
      </c>
      <c r="C1277" s="6">
        <v>9896166</v>
      </c>
    </row>
    <row r="1278" spans="2:3" x14ac:dyDescent="0.25">
      <c r="B1278" s="21">
        <v>41454</v>
      </c>
      <c r="C1278" s="6">
        <v>8378413</v>
      </c>
    </row>
    <row r="1279" spans="2:3" x14ac:dyDescent="0.25">
      <c r="B1279" s="21">
        <v>41455</v>
      </c>
      <c r="C1279" s="6">
        <v>8064629</v>
      </c>
    </row>
    <row r="1280" spans="2:3" x14ac:dyDescent="0.25">
      <c r="B1280" s="21">
        <v>41456</v>
      </c>
      <c r="C1280" s="6">
        <v>9740604</v>
      </c>
    </row>
    <row r="1281" spans="2:3" x14ac:dyDescent="0.25">
      <c r="B1281" s="21">
        <v>41457</v>
      </c>
      <c r="C1281" s="6">
        <v>9913793</v>
      </c>
    </row>
    <row r="1282" spans="2:3" x14ac:dyDescent="0.25">
      <c r="B1282" s="21">
        <v>41458</v>
      </c>
      <c r="C1282" s="6">
        <v>9987151</v>
      </c>
    </row>
    <row r="1283" spans="2:3" x14ac:dyDescent="0.25">
      <c r="B1283" s="21">
        <v>41459</v>
      </c>
      <c r="C1283" s="6">
        <v>9779503</v>
      </c>
    </row>
    <row r="1284" spans="2:3" x14ac:dyDescent="0.25">
      <c r="B1284" s="21">
        <v>41460</v>
      </c>
      <c r="C1284" s="6">
        <v>8310433</v>
      </c>
    </row>
    <row r="1285" spans="2:3" x14ac:dyDescent="0.25">
      <c r="B1285" s="21">
        <v>41461</v>
      </c>
      <c r="C1285" s="6">
        <v>7832911</v>
      </c>
    </row>
    <row r="1286" spans="2:3" x14ac:dyDescent="0.25">
      <c r="B1286" s="21">
        <v>41462</v>
      </c>
      <c r="C1286" s="6">
        <v>7960500</v>
      </c>
    </row>
    <row r="1287" spans="2:3" x14ac:dyDescent="0.25">
      <c r="B1287" s="21">
        <v>41463</v>
      </c>
      <c r="C1287" s="6">
        <v>9803846</v>
      </c>
    </row>
    <row r="1288" spans="2:3" x14ac:dyDescent="0.25">
      <c r="B1288" s="21">
        <v>41464</v>
      </c>
      <c r="C1288" s="6">
        <v>10055660</v>
      </c>
    </row>
    <row r="1289" spans="2:3" x14ac:dyDescent="0.25">
      <c r="B1289" s="21">
        <v>41465</v>
      </c>
      <c r="C1289" s="6">
        <v>10128603</v>
      </c>
    </row>
    <row r="1290" spans="2:3" x14ac:dyDescent="0.25">
      <c r="B1290" s="21">
        <v>41466</v>
      </c>
      <c r="C1290" s="6">
        <v>9826246</v>
      </c>
    </row>
    <row r="1291" spans="2:3" x14ac:dyDescent="0.25">
      <c r="B1291" s="21">
        <v>41467</v>
      </c>
      <c r="C1291" s="6">
        <v>9686327</v>
      </c>
    </row>
    <row r="1292" spans="2:3" x14ac:dyDescent="0.25">
      <c r="B1292" s="21">
        <v>41468</v>
      </c>
      <c r="C1292" s="6">
        <v>8189526</v>
      </c>
    </row>
    <row r="1293" spans="2:3" x14ac:dyDescent="0.25">
      <c r="B1293" s="21">
        <v>41469</v>
      </c>
      <c r="C1293" s="6">
        <v>7908604</v>
      </c>
    </row>
    <row r="1294" spans="2:3" x14ac:dyDescent="0.25">
      <c r="B1294" s="21">
        <v>41470</v>
      </c>
      <c r="C1294" s="6">
        <v>9586254</v>
      </c>
    </row>
    <row r="1295" spans="2:3" x14ac:dyDescent="0.25">
      <c r="B1295" s="21">
        <v>41471</v>
      </c>
      <c r="C1295" s="6">
        <v>9772792</v>
      </c>
    </row>
    <row r="1296" spans="2:3" x14ac:dyDescent="0.25">
      <c r="B1296" s="21">
        <v>41472</v>
      </c>
      <c r="C1296" s="6">
        <v>9823295</v>
      </c>
    </row>
    <row r="1297" spans="2:3" x14ac:dyDescent="0.25">
      <c r="B1297" s="21">
        <v>41473</v>
      </c>
      <c r="C1297" s="6">
        <v>9664999</v>
      </c>
    </row>
    <row r="1298" spans="2:3" x14ac:dyDescent="0.25">
      <c r="B1298" s="21">
        <v>41474</v>
      </c>
      <c r="C1298" s="6">
        <v>9588481</v>
      </c>
    </row>
    <row r="1299" spans="2:3" x14ac:dyDescent="0.25">
      <c r="B1299" s="21">
        <v>41475</v>
      </c>
      <c r="C1299" s="6">
        <v>8249377</v>
      </c>
    </row>
    <row r="1300" spans="2:3" x14ac:dyDescent="0.25">
      <c r="B1300" s="21">
        <v>41476</v>
      </c>
      <c r="C1300" s="6">
        <v>8038375</v>
      </c>
    </row>
    <row r="1301" spans="2:3" x14ac:dyDescent="0.25">
      <c r="B1301" s="21">
        <v>41477</v>
      </c>
      <c r="C1301" s="6">
        <v>9644705</v>
      </c>
    </row>
    <row r="1302" spans="2:3" x14ac:dyDescent="0.25">
      <c r="B1302" s="21">
        <v>41478</v>
      </c>
      <c r="C1302" s="6">
        <v>9397720</v>
      </c>
    </row>
    <row r="1303" spans="2:3" x14ac:dyDescent="0.25">
      <c r="B1303" s="21">
        <v>41479</v>
      </c>
      <c r="C1303" s="6">
        <v>9737322</v>
      </c>
    </row>
    <row r="1304" spans="2:3" x14ac:dyDescent="0.25">
      <c r="B1304" s="21">
        <v>41480</v>
      </c>
      <c r="C1304" s="6">
        <v>9666492</v>
      </c>
    </row>
    <row r="1305" spans="2:3" x14ac:dyDescent="0.25">
      <c r="B1305" s="21">
        <v>41481</v>
      </c>
      <c r="C1305" s="6">
        <v>9621854</v>
      </c>
    </row>
    <row r="1306" spans="2:3" x14ac:dyDescent="0.25">
      <c r="B1306" s="21">
        <v>41482</v>
      </c>
      <c r="C1306" s="6">
        <v>8484032</v>
      </c>
    </row>
    <row r="1307" spans="2:3" x14ac:dyDescent="0.25">
      <c r="B1307" s="21">
        <v>41483</v>
      </c>
      <c r="C1307" s="6">
        <v>8285323</v>
      </c>
    </row>
    <row r="1308" spans="2:3" x14ac:dyDescent="0.25">
      <c r="B1308" s="21">
        <v>41484</v>
      </c>
      <c r="C1308" s="6">
        <v>9650321</v>
      </c>
    </row>
    <row r="1309" spans="2:3" x14ac:dyDescent="0.25">
      <c r="B1309" s="21">
        <v>41485</v>
      </c>
      <c r="C1309" s="6">
        <v>9458063</v>
      </c>
    </row>
    <row r="1310" spans="2:3" x14ac:dyDescent="0.25">
      <c r="B1310" s="21">
        <v>41486</v>
      </c>
      <c r="C1310" s="6">
        <v>9588298</v>
      </c>
    </row>
    <row r="1311" spans="2:3" x14ac:dyDescent="0.25">
      <c r="B1311" s="21">
        <v>41487</v>
      </c>
      <c r="C1311" s="6">
        <v>9432978</v>
      </c>
    </row>
    <row r="1312" spans="2:3" x14ac:dyDescent="0.25">
      <c r="B1312" s="21">
        <v>41488</v>
      </c>
      <c r="C1312" s="6">
        <v>9562088</v>
      </c>
    </row>
    <row r="1313" spans="2:3" x14ac:dyDescent="0.25">
      <c r="B1313" s="21">
        <v>41489</v>
      </c>
      <c r="C1313" s="6">
        <v>8407342</v>
      </c>
    </row>
    <row r="1314" spans="2:3" x14ac:dyDescent="0.25">
      <c r="B1314" s="21">
        <v>41490</v>
      </c>
      <c r="C1314" s="6">
        <v>8155692</v>
      </c>
    </row>
    <row r="1315" spans="2:3" x14ac:dyDescent="0.25">
      <c r="B1315" s="21">
        <v>41491</v>
      </c>
      <c r="C1315" s="6">
        <v>9580435</v>
      </c>
    </row>
    <row r="1316" spans="2:3" x14ac:dyDescent="0.25">
      <c r="B1316" s="21">
        <v>41492</v>
      </c>
      <c r="C1316" s="6">
        <v>9858265</v>
      </c>
    </row>
    <row r="1317" spans="2:3" x14ac:dyDescent="0.25">
      <c r="B1317" s="21">
        <v>41493</v>
      </c>
      <c r="C1317" s="6">
        <v>9827662</v>
      </c>
    </row>
    <row r="1318" spans="2:3" x14ac:dyDescent="0.25">
      <c r="B1318" s="21">
        <v>41494</v>
      </c>
      <c r="C1318" s="6">
        <v>9871014</v>
      </c>
    </row>
    <row r="1319" spans="2:3" x14ac:dyDescent="0.25">
      <c r="B1319" s="21">
        <v>41495</v>
      </c>
      <c r="C1319" s="6">
        <v>9723935</v>
      </c>
    </row>
    <row r="1320" spans="2:3" x14ac:dyDescent="0.25">
      <c r="B1320" s="21">
        <v>41496</v>
      </c>
      <c r="C1320" s="6">
        <v>8255192</v>
      </c>
    </row>
    <row r="1321" spans="2:3" x14ac:dyDescent="0.25">
      <c r="B1321" s="21">
        <v>41497</v>
      </c>
      <c r="C1321" s="6">
        <v>8066142</v>
      </c>
    </row>
    <row r="1322" spans="2:3" x14ac:dyDescent="0.25">
      <c r="B1322" s="21">
        <v>41498</v>
      </c>
      <c r="C1322" s="6">
        <v>9773233</v>
      </c>
    </row>
    <row r="1323" spans="2:3" x14ac:dyDescent="0.25">
      <c r="B1323" s="21">
        <v>41499</v>
      </c>
      <c r="C1323" s="6">
        <v>9981921</v>
      </c>
    </row>
    <row r="1324" spans="2:3" x14ac:dyDescent="0.25">
      <c r="B1324" s="21">
        <v>41500</v>
      </c>
      <c r="C1324" s="6">
        <v>10056928</v>
      </c>
    </row>
    <row r="1325" spans="2:3" x14ac:dyDescent="0.25">
      <c r="B1325" s="21">
        <v>41501</v>
      </c>
      <c r="C1325" s="6">
        <v>9845616</v>
      </c>
    </row>
    <row r="1326" spans="2:3" x14ac:dyDescent="0.25">
      <c r="B1326" s="21">
        <v>41502</v>
      </c>
      <c r="C1326" s="6">
        <v>9788658</v>
      </c>
    </row>
    <row r="1327" spans="2:3" x14ac:dyDescent="0.25">
      <c r="B1327" s="21">
        <v>41503</v>
      </c>
      <c r="C1327" s="6">
        <v>8482195</v>
      </c>
    </row>
    <row r="1328" spans="2:3" x14ac:dyDescent="0.25">
      <c r="B1328" s="21">
        <v>41504</v>
      </c>
      <c r="C1328" s="6">
        <v>8289891</v>
      </c>
    </row>
    <row r="1329" spans="2:3" x14ac:dyDescent="0.25">
      <c r="B1329" s="21">
        <v>41505</v>
      </c>
      <c r="C1329" s="6">
        <v>10087825</v>
      </c>
    </row>
    <row r="1330" spans="2:3" x14ac:dyDescent="0.25">
      <c r="B1330" s="21">
        <v>41506</v>
      </c>
      <c r="C1330" s="6">
        <v>10271656</v>
      </c>
    </row>
    <row r="1331" spans="2:3" x14ac:dyDescent="0.25">
      <c r="B1331" s="21">
        <v>41507</v>
      </c>
      <c r="C1331" s="6">
        <v>10245810</v>
      </c>
    </row>
    <row r="1332" spans="2:3" x14ac:dyDescent="0.25">
      <c r="B1332" s="21">
        <v>41508</v>
      </c>
      <c r="C1332" s="6">
        <v>10035573</v>
      </c>
    </row>
    <row r="1333" spans="2:3" x14ac:dyDescent="0.25">
      <c r="B1333" s="21">
        <v>41509</v>
      </c>
      <c r="C1333" s="6">
        <v>10008119</v>
      </c>
    </row>
    <row r="1334" spans="2:3" x14ac:dyDescent="0.25">
      <c r="B1334" s="21">
        <v>41510</v>
      </c>
      <c r="C1334" s="6">
        <v>8663983</v>
      </c>
    </row>
    <row r="1335" spans="2:3" x14ac:dyDescent="0.25">
      <c r="B1335" s="21">
        <v>41511</v>
      </c>
      <c r="C1335" s="6">
        <v>8499211</v>
      </c>
    </row>
    <row r="1336" spans="2:3" x14ac:dyDescent="0.25">
      <c r="B1336" s="21">
        <v>41512</v>
      </c>
      <c r="C1336" s="6">
        <v>10226143</v>
      </c>
    </row>
    <row r="1337" spans="2:3" x14ac:dyDescent="0.25">
      <c r="B1337" s="21">
        <v>41513</v>
      </c>
      <c r="C1337" s="6">
        <v>10360728</v>
      </c>
    </row>
    <row r="1338" spans="2:3" x14ac:dyDescent="0.25">
      <c r="B1338" s="21">
        <v>41514</v>
      </c>
      <c r="C1338" s="6">
        <v>10337511</v>
      </c>
    </row>
    <row r="1339" spans="2:3" x14ac:dyDescent="0.25">
      <c r="B1339" s="21">
        <v>41515</v>
      </c>
      <c r="C1339" s="6">
        <v>10170403</v>
      </c>
    </row>
    <row r="1340" spans="2:3" x14ac:dyDescent="0.25">
      <c r="B1340" s="21">
        <v>41516</v>
      </c>
      <c r="C1340" s="6">
        <v>9964875</v>
      </c>
    </row>
    <row r="1341" spans="2:3" x14ac:dyDescent="0.25">
      <c r="B1341" s="21">
        <v>41517</v>
      </c>
      <c r="C1341" s="6">
        <v>8527078</v>
      </c>
    </row>
    <row r="1342" spans="2:3" x14ac:dyDescent="0.25">
      <c r="B1342" s="21">
        <v>41518</v>
      </c>
      <c r="C1342" s="6">
        <v>8201930</v>
      </c>
    </row>
    <row r="1343" spans="2:3" x14ac:dyDescent="0.25">
      <c r="B1343" s="21">
        <v>41519</v>
      </c>
      <c r="C1343" s="6">
        <v>9934598</v>
      </c>
    </row>
    <row r="1344" spans="2:3" x14ac:dyDescent="0.25">
      <c r="B1344" s="21">
        <v>41520</v>
      </c>
      <c r="C1344" s="6">
        <v>10262865</v>
      </c>
    </row>
    <row r="1345" spans="2:3" x14ac:dyDescent="0.25">
      <c r="B1345" s="21">
        <v>41521</v>
      </c>
      <c r="C1345" s="6">
        <v>10174544</v>
      </c>
    </row>
    <row r="1346" spans="2:3" x14ac:dyDescent="0.25">
      <c r="B1346" s="21">
        <v>41522</v>
      </c>
      <c r="C1346" s="6">
        <v>10317602</v>
      </c>
    </row>
    <row r="1347" spans="2:3" x14ac:dyDescent="0.25">
      <c r="B1347" s="21">
        <v>41523</v>
      </c>
      <c r="C1347" s="6">
        <v>10021176</v>
      </c>
    </row>
    <row r="1348" spans="2:3" x14ac:dyDescent="0.25">
      <c r="B1348" s="21">
        <v>41524</v>
      </c>
      <c r="C1348" s="6">
        <v>8490190</v>
      </c>
    </row>
    <row r="1349" spans="2:3" x14ac:dyDescent="0.25">
      <c r="B1349" s="21">
        <v>41525</v>
      </c>
      <c r="C1349" s="6">
        <v>8257009</v>
      </c>
    </row>
    <row r="1350" spans="2:3" x14ac:dyDescent="0.25">
      <c r="B1350" s="21">
        <v>41526</v>
      </c>
      <c r="C1350" s="6">
        <v>10107698</v>
      </c>
    </row>
    <row r="1351" spans="2:3" x14ac:dyDescent="0.25">
      <c r="B1351" s="21">
        <v>41527</v>
      </c>
      <c r="C1351" s="6">
        <v>10219473</v>
      </c>
    </row>
    <row r="1352" spans="2:3" x14ac:dyDescent="0.25">
      <c r="B1352" s="21">
        <v>41528</v>
      </c>
      <c r="C1352" s="6">
        <v>10332580</v>
      </c>
    </row>
    <row r="1353" spans="2:3" x14ac:dyDescent="0.25">
      <c r="B1353" s="21">
        <v>41529</v>
      </c>
      <c r="C1353" s="6">
        <v>10195940</v>
      </c>
    </row>
    <row r="1354" spans="2:3" x14ac:dyDescent="0.25">
      <c r="B1354" s="21">
        <v>41530</v>
      </c>
      <c r="C1354" s="6">
        <v>10052963</v>
      </c>
    </row>
    <row r="1355" spans="2:3" x14ac:dyDescent="0.25">
      <c r="B1355" s="21">
        <v>41531</v>
      </c>
      <c r="C1355" s="6">
        <v>8698898</v>
      </c>
    </row>
    <row r="1356" spans="2:3" x14ac:dyDescent="0.25">
      <c r="B1356" s="21">
        <v>41532</v>
      </c>
      <c r="C1356" s="6">
        <v>8487540</v>
      </c>
    </row>
    <row r="1357" spans="2:3" x14ac:dyDescent="0.25">
      <c r="B1357" s="21">
        <v>41533</v>
      </c>
      <c r="C1357" s="6">
        <v>10224487</v>
      </c>
    </row>
    <row r="1358" spans="2:3" x14ac:dyDescent="0.25">
      <c r="B1358" s="21">
        <v>41534</v>
      </c>
      <c r="C1358" s="6">
        <v>10530936</v>
      </c>
    </row>
    <row r="1359" spans="2:3" x14ac:dyDescent="0.25">
      <c r="B1359" s="21">
        <v>41535</v>
      </c>
      <c r="C1359" s="6">
        <v>10723180</v>
      </c>
    </row>
    <row r="1360" spans="2:3" x14ac:dyDescent="0.25">
      <c r="B1360" s="21">
        <v>41536</v>
      </c>
      <c r="C1360" s="6">
        <v>10417433</v>
      </c>
    </row>
    <row r="1361" spans="2:3" x14ac:dyDescent="0.25">
      <c r="B1361" s="21">
        <v>41537</v>
      </c>
      <c r="C1361" s="6">
        <v>10646480</v>
      </c>
    </row>
    <row r="1362" spans="2:3" x14ac:dyDescent="0.25">
      <c r="B1362" s="21">
        <v>41538</v>
      </c>
      <c r="C1362" s="6">
        <v>9188967</v>
      </c>
    </row>
    <row r="1363" spans="2:3" x14ac:dyDescent="0.25">
      <c r="B1363" s="21">
        <v>41539</v>
      </c>
      <c r="C1363" s="6">
        <v>8830266</v>
      </c>
    </row>
    <row r="1364" spans="2:3" x14ac:dyDescent="0.25">
      <c r="B1364" s="21">
        <v>41540</v>
      </c>
      <c r="C1364" s="6">
        <v>10664306</v>
      </c>
    </row>
    <row r="1365" spans="2:3" x14ac:dyDescent="0.25">
      <c r="B1365" s="21">
        <v>41541</v>
      </c>
      <c r="C1365" s="6">
        <v>10747583</v>
      </c>
    </row>
    <row r="1366" spans="2:3" x14ac:dyDescent="0.25">
      <c r="B1366" s="21">
        <v>41542</v>
      </c>
      <c r="C1366" s="6">
        <v>10636276</v>
      </c>
    </row>
    <row r="1367" spans="2:3" x14ac:dyDescent="0.25">
      <c r="B1367" s="21">
        <v>41543</v>
      </c>
      <c r="C1367" s="6">
        <v>10849378</v>
      </c>
    </row>
    <row r="1368" spans="2:3" x14ac:dyDescent="0.25">
      <c r="B1368" s="21">
        <v>41544</v>
      </c>
      <c r="C1368" s="6">
        <v>10639953</v>
      </c>
    </row>
    <row r="1369" spans="2:3" x14ac:dyDescent="0.25">
      <c r="B1369" s="21">
        <v>41545</v>
      </c>
      <c r="C1369" s="6">
        <v>8927124</v>
      </c>
    </row>
    <row r="1370" spans="2:3" x14ac:dyDescent="0.25">
      <c r="B1370" s="21">
        <v>41546</v>
      </c>
      <c r="C1370" s="6">
        <v>8774796</v>
      </c>
    </row>
    <row r="1371" spans="2:3" x14ac:dyDescent="0.25">
      <c r="B1371" s="21">
        <v>41547</v>
      </c>
      <c r="C1371" s="6">
        <v>10719810</v>
      </c>
    </row>
    <row r="1372" spans="2:3" x14ac:dyDescent="0.25">
      <c r="B1372" s="21">
        <v>41548</v>
      </c>
      <c r="C1372" s="6">
        <v>10967379</v>
      </c>
    </row>
    <row r="1373" spans="2:3" x14ac:dyDescent="0.25">
      <c r="B1373" s="21">
        <v>41549</v>
      </c>
      <c r="C1373" s="6">
        <v>11120638</v>
      </c>
    </row>
    <row r="1374" spans="2:3" x14ac:dyDescent="0.25">
      <c r="B1374" s="21">
        <v>41550</v>
      </c>
      <c r="C1374" s="6">
        <v>11132217</v>
      </c>
    </row>
    <row r="1375" spans="2:3" x14ac:dyDescent="0.25">
      <c r="B1375" s="21">
        <v>41551</v>
      </c>
      <c r="C1375" s="6">
        <v>10975933</v>
      </c>
    </row>
    <row r="1376" spans="2:3" x14ac:dyDescent="0.25">
      <c r="B1376" s="21">
        <v>41552</v>
      </c>
      <c r="C1376" s="6">
        <v>9512420</v>
      </c>
    </row>
    <row r="1377" spans="2:3" x14ac:dyDescent="0.25">
      <c r="B1377" s="21">
        <v>41553</v>
      </c>
      <c r="C1377" s="6">
        <v>9302085</v>
      </c>
    </row>
    <row r="1378" spans="2:3" x14ac:dyDescent="0.25">
      <c r="B1378" s="21">
        <v>41554</v>
      </c>
      <c r="C1378" s="6">
        <v>10895065</v>
      </c>
    </row>
    <row r="1379" spans="2:3" x14ac:dyDescent="0.25">
      <c r="B1379" s="21">
        <v>41555</v>
      </c>
      <c r="C1379" s="6">
        <v>11178887</v>
      </c>
    </row>
    <row r="1380" spans="2:3" x14ac:dyDescent="0.25">
      <c r="B1380" s="21">
        <v>41556</v>
      </c>
      <c r="C1380" s="6">
        <v>11340200</v>
      </c>
    </row>
    <row r="1381" spans="2:3" x14ac:dyDescent="0.25">
      <c r="B1381" s="21">
        <v>41557</v>
      </c>
      <c r="C1381" s="6">
        <v>10981488</v>
      </c>
    </row>
    <row r="1382" spans="2:3" x14ac:dyDescent="0.25">
      <c r="B1382" s="21">
        <v>41558</v>
      </c>
      <c r="C1382" s="6">
        <v>11122298</v>
      </c>
    </row>
    <row r="1383" spans="2:3" x14ac:dyDescent="0.25">
      <c r="B1383" s="21">
        <v>41559</v>
      </c>
      <c r="C1383" s="6">
        <v>9561635</v>
      </c>
    </row>
    <row r="1384" spans="2:3" x14ac:dyDescent="0.25">
      <c r="B1384" s="21">
        <v>41560</v>
      </c>
      <c r="C1384" s="6">
        <v>9261114</v>
      </c>
    </row>
    <row r="1385" spans="2:3" x14ac:dyDescent="0.25">
      <c r="B1385" s="21">
        <v>41561</v>
      </c>
      <c r="C1385" s="6">
        <v>11171704</v>
      </c>
    </row>
    <row r="1386" spans="2:3" x14ac:dyDescent="0.25">
      <c r="B1386" s="21">
        <v>41562</v>
      </c>
      <c r="C1386" s="6">
        <v>11412886</v>
      </c>
    </row>
    <row r="1387" spans="2:3" x14ac:dyDescent="0.25">
      <c r="B1387" s="21">
        <v>41563</v>
      </c>
      <c r="C1387" s="6">
        <v>11576387</v>
      </c>
    </row>
    <row r="1388" spans="2:3" x14ac:dyDescent="0.25">
      <c r="B1388" s="21">
        <v>41564</v>
      </c>
      <c r="C1388" s="6">
        <v>11515278</v>
      </c>
    </row>
    <row r="1389" spans="2:3" x14ac:dyDescent="0.25">
      <c r="B1389" s="21">
        <v>41565</v>
      </c>
      <c r="C1389" s="6">
        <v>11324953</v>
      </c>
    </row>
    <row r="1390" spans="2:3" x14ac:dyDescent="0.25">
      <c r="B1390" s="21">
        <v>41566</v>
      </c>
      <c r="C1390" s="6">
        <v>9768165</v>
      </c>
    </row>
    <row r="1391" spans="2:3" x14ac:dyDescent="0.25">
      <c r="B1391" s="21">
        <v>41567</v>
      </c>
      <c r="C1391" s="6">
        <v>9423055</v>
      </c>
    </row>
    <row r="1392" spans="2:3" x14ac:dyDescent="0.25">
      <c r="B1392" s="21">
        <v>41568</v>
      </c>
      <c r="C1392" s="6">
        <v>10938393</v>
      </c>
    </row>
    <row r="1393" spans="2:3" x14ac:dyDescent="0.25">
      <c r="B1393" s="21">
        <v>41569</v>
      </c>
      <c r="C1393" s="6">
        <v>11078707</v>
      </c>
    </row>
    <row r="1394" spans="2:3" x14ac:dyDescent="0.25">
      <c r="B1394" s="21">
        <v>41570</v>
      </c>
      <c r="C1394" s="6">
        <v>11095545</v>
      </c>
    </row>
    <row r="1395" spans="2:3" x14ac:dyDescent="0.25">
      <c r="B1395" s="21">
        <v>41571</v>
      </c>
      <c r="C1395" s="6">
        <v>11018980</v>
      </c>
    </row>
    <row r="1396" spans="2:3" x14ac:dyDescent="0.25">
      <c r="B1396" s="21">
        <v>41572</v>
      </c>
      <c r="C1396" s="6">
        <v>11001072</v>
      </c>
    </row>
    <row r="1397" spans="2:3" x14ac:dyDescent="0.25">
      <c r="B1397" s="21">
        <v>41573</v>
      </c>
      <c r="C1397" s="6">
        <v>9398995</v>
      </c>
    </row>
    <row r="1398" spans="2:3" x14ac:dyDescent="0.25">
      <c r="B1398" s="21">
        <v>41574</v>
      </c>
      <c r="C1398" s="6">
        <v>9326630</v>
      </c>
    </row>
    <row r="1399" spans="2:3" x14ac:dyDescent="0.25">
      <c r="B1399" s="21">
        <v>41575</v>
      </c>
      <c r="C1399" s="6">
        <v>9256220</v>
      </c>
    </row>
    <row r="1400" spans="2:3" x14ac:dyDescent="0.25">
      <c r="B1400" s="21">
        <v>41576</v>
      </c>
      <c r="C1400" s="6">
        <v>11226085</v>
      </c>
    </row>
    <row r="1401" spans="2:3" x14ac:dyDescent="0.25">
      <c r="B1401" s="21">
        <v>41577</v>
      </c>
      <c r="C1401" s="6">
        <v>11521082</v>
      </c>
    </row>
    <row r="1402" spans="2:3" x14ac:dyDescent="0.25">
      <c r="B1402" s="21">
        <v>41578</v>
      </c>
      <c r="C1402" s="6">
        <v>11643887</v>
      </c>
    </row>
    <row r="1403" spans="2:3" x14ac:dyDescent="0.25">
      <c r="B1403" s="21">
        <v>41579</v>
      </c>
      <c r="C1403" s="6">
        <v>11290549</v>
      </c>
    </row>
    <row r="1404" spans="2:3" x14ac:dyDescent="0.25">
      <c r="B1404" s="21">
        <v>41580</v>
      </c>
      <c r="C1404" s="6">
        <v>9912088</v>
      </c>
    </row>
    <row r="1405" spans="2:3" x14ac:dyDescent="0.25">
      <c r="B1405" s="21">
        <v>41581</v>
      </c>
      <c r="C1405" s="6">
        <v>9562965</v>
      </c>
    </row>
    <row r="1406" spans="2:3" x14ac:dyDescent="0.25">
      <c r="B1406" s="21">
        <v>41582</v>
      </c>
      <c r="C1406" s="6">
        <v>11495290</v>
      </c>
    </row>
    <row r="1407" spans="2:3" x14ac:dyDescent="0.25">
      <c r="B1407" s="21">
        <v>41583</v>
      </c>
      <c r="C1407" s="6">
        <v>11851212</v>
      </c>
    </row>
    <row r="1408" spans="2:3" x14ac:dyDescent="0.25">
      <c r="B1408" s="21">
        <v>41584</v>
      </c>
      <c r="C1408" s="6">
        <v>11780043</v>
      </c>
    </row>
    <row r="1409" spans="2:3" x14ac:dyDescent="0.25">
      <c r="B1409" s="21">
        <v>41585</v>
      </c>
      <c r="C1409" s="6">
        <v>11454298</v>
      </c>
    </row>
    <row r="1410" spans="2:3" x14ac:dyDescent="0.25">
      <c r="B1410" s="21">
        <v>41586</v>
      </c>
      <c r="C1410" s="6">
        <v>11310596</v>
      </c>
    </row>
    <row r="1411" spans="2:3" x14ac:dyDescent="0.25">
      <c r="B1411" s="21">
        <v>41587</v>
      </c>
      <c r="C1411" s="6">
        <v>10094992</v>
      </c>
    </row>
    <row r="1412" spans="2:3" x14ac:dyDescent="0.25">
      <c r="B1412" s="21">
        <v>41588</v>
      </c>
      <c r="C1412" s="6">
        <v>9755375</v>
      </c>
    </row>
    <row r="1413" spans="2:3" x14ac:dyDescent="0.25">
      <c r="B1413" s="21">
        <v>41589</v>
      </c>
      <c r="C1413" s="6">
        <v>11801031</v>
      </c>
    </row>
    <row r="1414" spans="2:3" x14ac:dyDescent="0.25">
      <c r="B1414" s="21">
        <v>41590</v>
      </c>
      <c r="C1414" s="6">
        <v>11965343</v>
      </c>
    </row>
    <row r="1415" spans="2:3" x14ac:dyDescent="0.25">
      <c r="B1415" s="21">
        <v>41591</v>
      </c>
      <c r="C1415" s="6">
        <v>12164533</v>
      </c>
    </row>
    <row r="1416" spans="2:3" x14ac:dyDescent="0.25">
      <c r="B1416" s="21">
        <v>41592</v>
      </c>
      <c r="C1416" s="6">
        <v>12109934</v>
      </c>
    </row>
    <row r="1417" spans="2:3" x14ac:dyDescent="0.25">
      <c r="B1417" s="21">
        <v>41593</v>
      </c>
      <c r="C1417" s="6">
        <v>12126293</v>
      </c>
    </row>
    <row r="1418" spans="2:3" x14ac:dyDescent="0.25">
      <c r="B1418" s="21">
        <v>41594</v>
      </c>
      <c r="C1418" s="6">
        <v>10327400</v>
      </c>
    </row>
    <row r="1419" spans="2:3" x14ac:dyDescent="0.25">
      <c r="B1419" s="21">
        <v>41595</v>
      </c>
      <c r="C1419" s="6">
        <v>10093718</v>
      </c>
    </row>
    <row r="1420" spans="2:3" x14ac:dyDescent="0.25">
      <c r="B1420" s="21">
        <v>41596</v>
      </c>
      <c r="C1420" s="6">
        <v>11979229</v>
      </c>
    </row>
    <row r="1421" spans="2:3" x14ac:dyDescent="0.25">
      <c r="B1421" s="21">
        <v>41597</v>
      </c>
      <c r="C1421" s="6">
        <v>12189540</v>
      </c>
    </row>
    <row r="1422" spans="2:3" x14ac:dyDescent="0.25">
      <c r="B1422" s="21">
        <v>41598</v>
      </c>
      <c r="C1422" s="6">
        <v>12275290</v>
      </c>
    </row>
    <row r="1423" spans="2:3" x14ac:dyDescent="0.25">
      <c r="B1423" s="21">
        <v>41599</v>
      </c>
      <c r="C1423" s="6">
        <v>12156290</v>
      </c>
    </row>
    <row r="1424" spans="2:3" x14ac:dyDescent="0.25">
      <c r="B1424" s="21">
        <v>41600</v>
      </c>
      <c r="C1424" s="6">
        <v>12045640</v>
      </c>
    </row>
    <row r="1425" spans="2:3" x14ac:dyDescent="0.25">
      <c r="B1425" s="21">
        <v>41601</v>
      </c>
      <c r="C1425" s="6">
        <v>10475469</v>
      </c>
    </row>
    <row r="1426" spans="2:3" x14ac:dyDescent="0.25">
      <c r="B1426" s="21">
        <v>41602</v>
      </c>
      <c r="C1426" s="6">
        <v>10344280</v>
      </c>
    </row>
    <row r="1427" spans="2:3" x14ac:dyDescent="0.25">
      <c r="B1427" s="21">
        <v>41603</v>
      </c>
      <c r="C1427" s="6">
        <v>12441021</v>
      </c>
    </row>
    <row r="1428" spans="2:3" x14ac:dyDescent="0.25">
      <c r="B1428" s="21">
        <v>41604</v>
      </c>
      <c r="C1428" s="6">
        <v>12805058</v>
      </c>
    </row>
    <row r="1429" spans="2:3" x14ac:dyDescent="0.25">
      <c r="B1429" s="21">
        <v>41605</v>
      </c>
      <c r="C1429" s="6">
        <v>12547726</v>
      </c>
    </row>
    <row r="1430" spans="2:3" x14ac:dyDescent="0.25">
      <c r="B1430" s="21">
        <v>41606</v>
      </c>
      <c r="C1430" s="6">
        <v>13040302</v>
      </c>
    </row>
    <row r="1431" spans="2:3" x14ac:dyDescent="0.25">
      <c r="B1431" s="21">
        <v>41607</v>
      </c>
      <c r="C1431" s="6">
        <v>12690047</v>
      </c>
    </row>
    <row r="1432" spans="2:3" x14ac:dyDescent="0.25">
      <c r="B1432" s="21">
        <v>41608</v>
      </c>
      <c r="C1432" s="6">
        <v>11114792</v>
      </c>
    </row>
    <row r="1433" spans="2:3" x14ac:dyDescent="0.25">
      <c r="B1433" s="21">
        <v>41609</v>
      </c>
      <c r="C1433" s="6">
        <v>10667885</v>
      </c>
    </row>
    <row r="1434" spans="2:3" x14ac:dyDescent="0.25">
      <c r="B1434" s="21">
        <v>41610</v>
      </c>
      <c r="C1434" s="6">
        <v>12120951</v>
      </c>
    </row>
    <row r="1435" spans="2:3" x14ac:dyDescent="0.25">
      <c r="B1435" s="21">
        <v>41611</v>
      </c>
      <c r="C1435" s="6">
        <v>12836790</v>
      </c>
    </row>
    <row r="1436" spans="2:3" x14ac:dyDescent="0.25">
      <c r="B1436" s="21">
        <v>41612</v>
      </c>
      <c r="C1436" s="6">
        <v>13097497</v>
      </c>
    </row>
    <row r="1437" spans="2:3" x14ac:dyDescent="0.25">
      <c r="B1437" s="21">
        <v>41613</v>
      </c>
      <c r="C1437" s="6">
        <v>12664235</v>
      </c>
    </row>
    <row r="1438" spans="2:3" x14ac:dyDescent="0.25">
      <c r="B1438" s="21">
        <v>41614</v>
      </c>
      <c r="C1438" s="6">
        <v>12607603</v>
      </c>
    </row>
    <row r="1439" spans="2:3" x14ac:dyDescent="0.25">
      <c r="B1439" s="21">
        <v>41615</v>
      </c>
      <c r="C1439" s="6">
        <v>11231666</v>
      </c>
    </row>
    <row r="1440" spans="2:3" x14ac:dyDescent="0.25">
      <c r="B1440" s="21">
        <v>41616</v>
      </c>
      <c r="C1440" s="6">
        <v>11017944</v>
      </c>
    </row>
    <row r="1441" spans="2:3" x14ac:dyDescent="0.25">
      <c r="B1441" s="21">
        <v>41617</v>
      </c>
      <c r="C1441" s="6">
        <v>12694607</v>
      </c>
    </row>
    <row r="1442" spans="2:3" x14ac:dyDescent="0.25">
      <c r="B1442" s="21">
        <v>41618</v>
      </c>
      <c r="C1442" s="6">
        <v>12658974</v>
      </c>
    </row>
    <row r="1443" spans="2:3" x14ac:dyDescent="0.25">
      <c r="B1443" s="21">
        <v>41619</v>
      </c>
      <c r="C1443" s="6">
        <v>12649222</v>
      </c>
    </row>
    <row r="1444" spans="2:3" x14ac:dyDescent="0.25">
      <c r="B1444" s="21">
        <v>41620</v>
      </c>
      <c r="C1444" s="6">
        <v>12518053</v>
      </c>
    </row>
    <row r="1445" spans="2:3" x14ac:dyDescent="0.25">
      <c r="B1445" s="21">
        <v>41621</v>
      </c>
      <c r="C1445" s="6">
        <v>12614245</v>
      </c>
    </row>
    <row r="1446" spans="2:3" x14ac:dyDescent="0.25">
      <c r="B1446" s="21">
        <v>41622</v>
      </c>
      <c r="C1446" s="6">
        <v>11242678</v>
      </c>
    </row>
    <row r="1447" spans="2:3" x14ac:dyDescent="0.25">
      <c r="B1447" s="21">
        <v>41623</v>
      </c>
      <c r="C1447" s="6">
        <v>10658128</v>
      </c>
    </row>
    <row r="1448" spans="2:3" x14ac:dyDescent="0.25">
      <c r="B1448" s="21">
        <v>41624</v>
      </c>
      <c r="C1448" s="6">
        <v>12343026</v>
      </c>
    </row>
    <row r="1449" spans="2:3" x14ac:dyDescent="0.25">
      <c r="B1449" s="21">
        <v>41625</v>
      </c>
      <c r="C1449" s="6">
        <v>12667865</v>
      </c>
    </row>
    <row r="1450" spans="2:3" x14ac:dyDescent="0.25">
      <c r="B1450" s="21">
        <v>41626</v>
      </c>
      <c r="C1450" s="6">
        <v>12739399</v>
      </c>
    </row>
    <row r="1451" spans="2:3" x14ac:dyDescent="0.25">
      <c r="B1451" s="21">
        <v>41627</v>
      </c>
      <c r="C1451" s="6">
        <v>12753157</v>
      </c>
    </row>
    <row r="1452" spans="2:3" x14ac:dyDescent="0.25">
      <c r="B1452" s="21">
        <v>41628</v>
      </c>
      <c r="C1452" s="6">
        <v>11951365</v>
      </c>
    </row>
    <row r="1453" spans="2:3" x14ac:dyDescent="0.25">
      <c r="B1453" s="21">
        <v>41629</v>
      </c>
      <c r="C1453" s="6">
        <v>10522707</v>
      </c>
    </row>
    <row r="1454" spans="2:3" x14ac:dyDescent="0.25">
      <c r="B1454" s="21">
        <v>41630</v>
      </c>
      <c r="C1454" s="6">
        <v>10093272</v>
      </c>
    </row>
    <row r="1455" spans="2:3" x14ac:dyDescent="0.25">
      <c r="B1455" s="21">
        <v>41631</v>
      </c>
      <c r="C1455" s="6">
        <v>10016376</v>
      </c>
    </row>
    <row r="1456" spans="2:3" x14ac:dyDescent="0.25">
      <c r="B1456" s="21">
        <v>41632</v>
      </c>
      <c r="C1456" s="6">
        <v>8694860</v>
      </c>
    </row>
    <row r="1457" spans="2:3" x14ac:dyDescent="0.25">
      <c r="B1457" s="21">
        <v>41633</v>
      </c>
      <c r="C1457" s="6">
        <v>8347643</v>
      </c>
    </row>
    <row r="1458" spans="2:3" x14ac:dyDescent="0.25">
      <c r="B1458" s="21">
        <v>41634</v>
      </c>
      <c r="C1458" s="6">
        <v>8613036</v>
      </c>
    </row>
    <row r="1459" spans="2:3" x14ac:dyDescent="0.25">
      <c r="B1459" s="21">
        <v>41635</v>
      </c>
      <c r="C1459" s="6">
        <v>9358174</v>
      </c>
    </row>
    <row r="1460" spans="2:3" x14ac:dyDescent="0.25">
      <c r="B1460" s="21">
        <v>41636</v>
      </c>
      <c r="C1460" s="6">
        <v>9185551</v>
      </c>
    </row>
    <row r="1461" spans="2:3" x14ac:dyDescent="0.25">
      <c r="B1461" s="21">
        <v>41637</v>
      </c>
      <c r="C1461" s="6">
        <v>9232986</v>
      </c>
    </row>
    <row r="1462" spans="2:3" x14ac:dyDescent="0.25">
      <c r="B1462" s="21">
        <v>41638</v>
      </c>
      <c r="C1462" s="6">
        <v>9744219</v>
      </c>
    </row>
    <row r="1463" spans="2:3" x14ac:dyDescent="0.25">
      <c r="B1463" s="21">
        <v>41639</v>
      </c>
      <c r="C1463" s="6">
        <v>9510416</v>
      </c>
    </row>
    <row r="1464" spans="2:3" x14ac:dyDescent="0.25">
      <c r="B1464" s="21">
        <v>41640</v>
      </c>
      <c r="C1464" s="6">
        <v>8779671</v>
      </c>
    </row>
    <row r="1465" spans="2:3" x14ac:dyDescent="0.25">
      <c r="B1465" s="21">
        <v>41641</v>
      </c>
      <c r="C1465" s="6">
        <v>10712001</v>
      </c>
    </row>
    <row r="1466" spans="2:3" x14ac:dyDescent="0.25">
      <c r="B1466" s="21">
        <v>41642</v>
      </c>
      <c r="C1466" s="6">
        <v>10892082</v>
      </c>
    </row>
    <row r="1467" spans="2:3" x14ac:dyDescent="0.25">
      <c r="B1467" s="21">
        <v>41643</v>
      </c>
      <c r="C1467" s="6">
        <v>10068845</v>
      </c>
    </row>
    <row r="1468" spans="2:3" x14ac:dyDescent="0.25">
      <c r="B1468" s="21">
        <v>41644</v>
      </c>
      <c r="C1468" s="6">
        <v>9901448</v>
      </c>
    </row>
    <row r="1469" spans="2:3" x14ac:dyDescent="0.25">
      <c r="B1469" s="21">
        <v>41645</v>
      </c>
      <c r="C1469" s="6">
        <v>11637751</v>
      </c>
    </row>
    <row r="1470" spans="2:3" x14ac:dyDescent="0.25">
      <c r="B1470" s="21">
        <v>41646</v>
      </c>
      <c r="C1470" s="6">
        <v>11975559</v>
      </c>
    </row>
    <row r="1471" spans="2:3" x14ac:dyDescent="0.25">
      <c r="B1471" s="21">
        <v>41647</v>
      </c>
      <c r="C1471" s="6">
        <v>12133483</v>
      </c>
    </row>
    <row r="1472" spans="2:3" x14ac:dyDescent="0.25">
      <c r="B1472" s="21">
        <v>41648</v>
      </c>
      <c r="C1472" s="6">
        <v>12208750</v>
      </c>
    </row>
    <row r="1473" spans="2:3" x14ac:dyDescent="0.25">
      <c r="B1473" s="21">
        <v>41649</v>
      </c>
      <c r="C1473" s="6">
        <v>11958900</v>
      </c>
    </row>
    <row r="1474" spans="2:3" x14ac:dyDescent="0.25">
      <c r="B1474" s="21">
        <v>41650</v>
      </c>
      <c r="C1474" s="6">
        <v>10567669</v>
      </c>
    </row>
    <row r="1475" spans="2:3" x14ac:dyDescent="0.25">
      <c r="B1475" s="21">
        <v>41651</v>
      </c>
      <c r="C1475" s="6">
        <v>10343300</v>
      </c>
    </row>
    <row r="1476" spans="2:3" x14ac:dyDescent="0.25">
      <c r="B1476" s="21">
        <v>41652</v>
      </c>
      <c r="C1476" s="6">
        <v>12401738</v>
      </c>
    </row>
    <row r="1477" spans="2:3" x14ac:dyDescent="0.25">
      <c r="B1477" s="21">
        <v>41653</v>
      </c>
      <c r="C1477" s="6">
        <v>12716026</v>
      </c>
    </row>
    <row r="1478" spans="2:3" x14ac:dyDescent="0.25">
      <c r="B1478" s="21">
        <v>41654</v>
      </c>
      <c r="C1478" s="6">
        <v>12640171</v>
      </c>
    </row>
    <row r="1479" spans="2:3" x14ac:dyDescent="0.25">
      <c r="B1479" s="21">
        <v>41655</v>
      </c>
      <c r="C1479" s="6">
        <v>12737469</v>
      </c>
    </row>
    <row r="1480" spans="2:3" x14ac:dyDescent="0.25">
      <c r="B1480" s="21">
        <v>41656</v>
      </c>
      <c r="C1480" s="6">
        <v>12475445</v>
      </c>
    </row>
    <row r="1481" spans="2:3" x14ac:dyDescent="0.25">
      <c r="B1481" s="21">
        <v>41657</v>
      </c>
      <c r="C1481" s="6">
        <v>10915463</v>
      </c>
    </row>
    <row r="1482" spans="2:3" x14ac:dyDescent="0.25">
      <c r="B1482" s="21">
        <v>41658</v>
      </c>
      <c r="C1482" s="6">
        <v>10322273</v>
      </c>
    </row>
    <row r="1483" spans="2:3" x14ac:dyDescent="0.25">
      <c r="B1483" s="21">
        <v>41659</v>
      </c>
      <c r="C1483" s="6">
        <v>12330890</v>
      </c>
    </row>
    <row r="1484" spans="2:3" x14ac:dyDescent="0.25">
      <c r="B1484" s="21">
        <v>41660</v>
      </c>
      <c r="C1484" s="6">
        <v>12601657</v>
      </c>
    </row>
    <row r="1485" spans="2:3" x14ac:dyDescent="0.25">
      <c r="B1485" s="21">
        <v>41661</v>
      </c>
      <c r="C1485" s="6">
        <v>12659788</v>
      </c>
    </row>
    <row r="1486" spans="2:3" x14ac:dyDescent="0.25">
      <c r="B1486" s="21">
        <v>41662</v>
      </c>
      <c r="C1486" s="6">
        <v>12961023</v>
      </c>
    </row>
    <row r="1487" spans="2:3" x14ac:dyDescent="0.25">
      <c r="B1487" s="21">
        <v>41663</v>
      </c>
      <c r="C1487" s="6">
        <v>12978264</v>
      </c>
    </row>
    <row r="1488" spans="2:3" x14ac:dyDescent="0.25">
      <c r="B1488" s="21">
        <v>41664</v>
      </c>
      <c r="C1488" s="6">
        <v>11649529</v>
      </c>
    </row>
    <row r="1489" spans="2:3" x14ac:dyDescent="0.25">
      <c r="B1489" s="21">
        <v>41665</v>
      </c>
      <c r="C1489" s="6">
        <v>11638664</v>
      </c>
    </row>
    <row r="1490" spans="2:3" x14ac:dyDescent="0.25">
      <c r="B1490" s="21">
        <v>41666</v>
      </c>
      <c r="C1490" s="6">
        <v>13318277</v>
      </c>
    </row>
    <row r="1491" spans="2:3" x14ac:dyDescent="0.25">
      <c r="B1491" s="21">
        <v>41667</v>
      </c>
      <c r="C1491" s="6">
        <v>13408725</v>
      </c>
    </row>
    <row r="1492" spans="2:3" x14ac:dyDescent="0.25">
      <c r="B1492" s="21">
        <v>41668</v>
      </c>
      <c r="C1492" s="6">
        <v>13604103</v>
      </c>
    </row>
    <row r="1493" spans="2:3" x14ac:dyDescent="0.25">
      <c r="B1493" s="21">
        <v>41669</v>
      </c>
      <c r="C1493" s="6">
        <v>13521148</v>
      </c>
    </row>
    <row r="1494" spans="2:3" x14ac:dyDescent="0.25">
      <c r="B1494" s="21">
        <v>41670</v>
      </c>
      <c r="C1494" s="6">
        <v>12940348</v>
      </c>
    </row>
    <row r="1495" spans="2:3" x14ac:dyDescent="0.25">
      <c r="B1495" s="21">
        <v>41671</v>
      </c>
      <c r="C1495" s="6">
        <v>11249529</v>
      </c>
    </row>
    <row r="1496" spans="2:3" x14ac:dyDescent="0.25">
      <c r="B1496" s="21">
        <v>41672</v>
      </c>
      <c r="C1496" s="6">
        <v>10967691</v>
      </c>
    </row>
    <row r="1497" spans="2:3" x14ac:dyDescent="0.25">
      <c r="B1497" s="21">
        <v>41673</v>
      </c>
      <c r="C1497" s="6">
        <v>12794381</v>
      </c>
    </row>
    <row r="1498" spans="2:3" x14ac:dyDescent="0.25">
      <c r="B1498" s="21">
        <v>41674</v>
      </c>
      <c r="C1498" s="6">
        <v>12961644</v>
      </c>
    </row>
    <row r="1499" spans="2:3" x14ac:dyDescent="0.25">
      <c r="B1499" s="21">
        <v>41675</v>
      </c>
      <c r="C1499" s="6">
        <v>13021293</v>
      </c>
    </row>
    <row r="1500" spans="2:3" x14ac:dyDescent="0.25">
      <c r="B1500" s="21">
        <v>41676</v>
      </c>
      <c r="C1500" s="6">
        <v>12811673</v>
      </c>
    </row>
    <row r="1501" spans="2:3" x14ac:dyDescent="0.25">
      <c r="B1501" s="21">
        <v>41677</v>
      </c>
      <c r="C1501" s="6">
        <v>12601438</v>
      </c>
    </row>
    <row r="1502" spans="2:3" x14ac:dyDescent="0.25">
      <c r="B1502" s="21">
        <v>41678</v>
      </c>
      <c r="C1502" s="6">
        <v>10835866</v>
      </c>
    </row>
    <row r="1503" spans="2:3" x14ac:dyDescent="0.25">
      <c r="B1503" s="21">
        <v>41679</v>
      </c>
      <c r="C1503" s="6">
        <v>10528128</v>
      </c>
    </row>
    <row r="1504" spans="2:3" x14ac:dyDescent="0.25">
      <c r="B1504" s="21">
        <v>41680</v>
      </c>
      <c r="C1504" s="6">
        <v>12249241</v>
      </c>
    </row>
    <row r="1505" spans="2:3" x14ac:dyDescent="0.25">
      <c r="B1505" s="21">
        <v>41681</v>
      </c>
      <c r="C1505" s="6">
        <v>12533843</v>
      </c>
    </row>
    <row r="1506" spans="2:3" x14ac:dyDescent="0.25">
      <c r="B1506" s="21">
        <v>41682</v>
      </c>
      <c r="C1506" s="6">
        <v>12640846</v>
      </c>
    </row>
    <row r="1507" spans="2:3" x14ac:dyDescent="0.25">
      <c r="B1507" s="21">
        <v>41683</v>
      </c>
      <c r="C1507" s="6">
        <v>12519341</v>
      </c>
    </row>
    <row r="1508" spans="2:3" x14ac:dyDescent="0.25">
      <c r="B1508" s="21">
        <v>41684</v>
      </c>
      <c r="C1508" s="6">
        <v>12231581</v>
      </c>
    </row>
    <row r="1509" spans="2:3" x14ac:dyDescent="0.25">
      <c r="B1509" s="21">
        <v>41685</v>
      </c>
      <c r="C1509" s="6">
        <v>10577834</v>
      </c>
    </row>
    <row r="1510" spans="2:3" x14ac:dyDescent="0.25">
      <c r="B1510" s="21">
        <v>41686</v>
      </c>
      <c r="C1510" s="6">
        <v>10354430</v>
      </c>
    </row>
    <row r="1511" spans="2:3" x14ac:dyDescent="0.25">
      <c r="B1511" s="21">
        <v>41687</v>
      </c>
      <c r="C1511" s="6">
        <v>12037165</v>
      </c>
    </row>
    <row r="1512" spans="2:3" x14ac:dyDescent="0.25">
      <c r="B1512" s="21">
        <v>41688</v>
      </c>
      <c r="C1512" s="6">
        <v>12358715</v>
      </c>
    </row>
    <row r="1513" spans="2:3" x14ac:dyDescent="0.25">
      <c r="B1513" s="21">
        <v>41689</v>
      </c>
      <c r="C1513" s="6">
        <v>12373201</v>
      </c>
    </row>
    <row r="1514" spans="2:3" x14ac:dyDescent="0.25">
      <c r="B1514" s="21">
        <v>41690</v>
      </c>
      <c r="C1514" s="6">
        <v>12124696</v>
      </c>
    </row>
    <row r="1515" spans="2:3" x14ac:dyDescent="0.25">
      <c r="B1515" s="21">
        <v>41691</v>
      </c>
      <c r="C1515" s="6">
        <v>12138918</v>
      </c>
    </row>
    <row r="1516" spans="2:3" x14ac:dyDescent="0.25">
      <c r="B1516" s="21">
        <v>41692</v>
      </c>
      <c r="C1516" s="6">
        <v>10665719</v>
      </c>
    </row>
    <row r="1517" spans="2:3" x14ac:dyDescent="0.25">
      <c r="B1517" s="21">
        <v>41693</v>
      </c>
      <c r="C1517" s="6">
        <v>10237274</v>
      </c>
    </row>
    <row r="1518" spans="2:3" x14ac:dyDescent="0.25">
      <c r="B1518" s="21">
        <v>41694</v>
      </c>
      <c r="C1518" s="6">
        <v>12020347</v>
      </c>
    </row>
    <row r="1519" spans="2:3" x14ac:dyDescent="0.25">
      <c r="B1519" s="21">
        <v>41695</v>
      </c>
      <c r="C1519" s="6">
        <v>12103658</v>
      </c>
    </row>
    <row r="1520" spans="2:3" x14ac:dyDescent="0.25">
      <c r="B1520" s="21">
        <v>41696</v>
      </c>
      <c r="C1520" s="6">
        <v>12291658</v>
      </c>
    </row>
    <row r="1521" spans="2:3" x14ac:dyDescent="0.25">
      <c r="B1521" s="21">
        <v>41697</v>
      </c>
      <c r="C1521" s="6">
        <v>11899685</v>
      </c>
    </row>
    <row r="1522" spans="2:3" x14ac:dyDescent="0.25">
      <c r="B1522" s="21">
        <v>41698</v>
      </c>
      <c r="C1522" s="6">
        <v>11959036</v>
      </c>
    </row>
    <row r="1523" spans="2:3" x14ac:dyDescent="0.25">
      <c r="B1523" s="21">
        <v>41699</v>
      </c>
      <c r="C1523" s="6">
        <v>10444932</v>
      </c>
    </row>
    <row r="1524" spans="2:3" x14ac:dyDescent="0.25">
      <c r="B1524" s="21">
        <v>41700</v>
      </c>
      <c r="C1524" s="6">
        <v>10157195</v>
      </c>
    </row>
    <row r="1525" spans="2:3" x14ac:dyDescent="0.25">
      <c r="B1525" s="21">
        <v>41701</v>
      </c>
      <c r="C1525" s="6">
        <v>11766090</v>
      </c>
    </row>
    <row r="1526" spans="2:3" x14ac:dyDescent="0.25">
      <c r="B1526" s="21">
        <v>41702</v>
      </c>
      <c r="C1526" s="6">
        <v>12078165</v>
      </c>
    </row>
    <row r="1527" spans="2:3" x14ac:dyDescent="0.25">
      <c r="B1527" s="21">
        <v>41703</v>
      </c>
      <c r="C1527" s="6">
        <v>12049596</v>
      </c>
    </row>
    <row r="1528" spans="2:3" x14ac:dyDescent="0.25">
      <c r="B1528" s="21">
        <v>41704</v>
      </c>
      <c r="C1528" s="6">
        <v>11698771</v>
      </c>
    </row>
    <row r="1529" spans="2:3" x14ac:dyDescent="0.25">
      <c r="B1529" s="21">
        <v>41705</v>
      </c>
      <c r="C1529" s="6">
        <v>11959059</v>
      </c>
    </row>
    <row r="1530" spans="2:3" x14ac:dyDescent="0.25">
      <c r="B1530" s="21">
        <v>41706</v>
      </c>
      <c r="C1530" s="6">
        <v>10425429</v>
      </c>
    </row>
    <row r="1531" spans="2:3" x14ac:dyDescent="0.25">
      <c r="B1531" s="21">
        <v>41707</v>
      </c>
      <c r="C1531" s="6">
        <v>9982838</v>
      </c>
    </row>
    <row r="1532" spans="2:3" x14ac:dyDescent="0.25">
      <c r="B1532" s="21">
        <v>41708</v>
      </c>
      <c r="C1532" s="6">
        <v>11654329</v>
      </c>
    </row>
    <row r="1533" spans="2:3" x14ac:dyDescent="0.25">
      <c r="B1533" s="21">
        <v>41709</v>
      </c>
      <c r="C1533" s="6">
        <v>11811498</v>
      </c>
    </row>
    <row r="1534" spans="2:3" x14ac:dyDescent="0.25">
      <c r="B1534" s="21">
        <v>41710</v>
      </c>
      <c r="C1534" s="6">
        <v>11764317</v>
      </c>
    </row>
    <row r="1535" spans="2:3" x14ac:dyDescent="0.25">
      <c r="B1535" s="21">
        <v>41711</v>
      </c>
      <c r="C1535" s="6">
        <v>11661513</v>
      </c>
    </row>
    <row r="1536" spans="2:3" x14ac:dyDescent="0.25">
      <c r="B1536" s="21">
        <v>41712</v>
      </c>
      <c r="C1536" s="6">
        <v>11393348</v>
      </c>
    </row>
    <row r="1537" spans="2:3" x14ac:dyDescent="0.25">
      <c r="B1537" s="21">
        <v>41713</v>
      </c>
      <c r="C1537" s="6">
        <v>9652751</v>
      </c>
    </row>
    <row r="1538" spans="2:3" x14ac:dyDescent="0.25">
      <c r="B1538" s="21">
        <v>41714</v>
      </c>
      <c r="C1538" s="6">
        <v>9748903</v>
      </c>
    </row>
    <row r="1539" spans="2:3" x14ac:dyDescent="0.25">
      <c r="B1539" s="21">
        <v>41715</v>
      </c>
      <c r="C1539" s="6">
        <v>11472903</v>
      </c>
    </row>
    <row r="1540" spans="2:3" x14ac:dyDescent="0.25">
      <c r="B1540" s="21">
        <v>41716</v>
      </c>
      <c r="C1540" s="6">
        <v>11575347</v>
      </c>
    </row>
    <row r="1541" spans="2:3" x14ac:dyDescent="0.25">
      <c r="B1541" s="21">
        <v>41717</v>
      </c>
      <c r="C1541" s="6">
        <v>11582385</v>
      </c>
    </row>
    <row r="1542" spans="2:3" x14ac:dyDescent="0.25">
      <c r="B1542" s="21">
        <v>41718</v>
      </c>
      <c r="C1542" s="6">
        <v>11126765</v>
      </c>
    </row>
    <row r="1543" spans="2:3" x14ac:dyDescent="0.25">
      <c r="B1543" s="21">
        <v>41719</v>
      </c>
      <c r="C1543" s="6">
        <v>10891634</v>
      </c>
    </row>
    <row r="1544" spans="2:3" x14ac:dyDescent="0.25">
      <c r="B1544" s="21">
        <v>41720</v>
      </c>
      <c r="C1544" s="6">
        <v>9552947</v>
      </c>
    </row>
    <row r="1545" spans="2:3" x14ac:dyDescent="0.25">
      <c r="B1545" s="21">
        <v>41721</v>
      </c>
      <c r="C1545" s="6">
        <v>9717229</v>
      </c>
    </row>
    <row r="1546" spans="2:3" x14ac:dyDescent="0.25">
      <c r="B1546" s="21">
        <v>41722</v>
      </c>
      <c r="C1546" s="6">
        <v>11692359</v>
      </c>
    </row>
    <row r="1547" spans="2:3" x14ac:dyDescent="0.25">
      <c r="B1547" s="21">
        <v>41723</v>
      </c>
      <c r="C1547" s="6">
        <v>11807256</v>
      </c>
    </row>
    <row r="1548" spans="2:3" x14ac:dyDescent="0.25">
      <c r="B1548" s="21">
        <v>41724</v>
      </c>
      <c r="C1548" s="6">
        <v>11751327</v>
      </c>
    </row>
    <row r="1549" spans="2:3" x14ac:dyDescent="0.25">
      <c r="B1549" s="21">
        <v>41725</v>
      </c>
      <c r="C1549" s="6">
        <v>11389805</v>
      </c>
    </row>
    <row r="1550" spans="2:3" x14ac:dyDescent="0.25">
      <c r="B1550" s="21">
        <v>41726</v>
      </c>
      <c r="C1550" s="6">
        <v>11370929</v>
      </c>
    </row>
    <row r="1551" spans="2:3" x14ac:dyDescent="0.25">
      <c r="B1551" s="21">
        <v>41727</v>
      </c>
      <c r="C1551" s="6">
        <v>9875510</v>
      </c>
    </row>
    <row r="1552" spans="2:3" x14ac:dyDescent="0.25">
      <c r="B1552" s="21">
        <v>41728</v>
      </c>
      <c r="C1552" s="6">
        <v>9038225</v>
      </c>
    </row>
    <row r="1553" spans="2:3" x14ac:dyDescent="0.25">
      <c r="B1553" s="21">
        <v>41729</v>
      </c>
      <c r="C1553" s="6">
        <v>11075533</v>
      </c>
    </row>
    <row r="1554" spans="2:3" x14ac:dyDescent="0.25">
      <c r="B1554" s="21">
        <v>41730</v>
      </c>
      <c r="C1554" s="6">
        <v>11226914</v>
      </c>
    </row>
    <row r="1555" spans="2:3" x14ac:dyDescent="0.25">
      <c r="B1555" s="21">
        <v>41731</v>
      </c>
      <c r="C1555" s="6">
        <v>11259325</v>
      </c>
    </row>
    <row r="1556" spans="2:3" x14ac:dyDescent="0.25">
      <c r="B1556" s="21">
        <v>41732</v>
      </c>
      <c r="C1556" s="6">
        <v>11037086</v>
      </c>
    </row>
    <row r="1557" spans="2:3" x14ac:dyDescent="0.25">
      <c r="B1557" s="21">
        <v>41733</v>
      </c>
      <c r="C1557" s="6">
        <v>11005455</v>
      </c>
    </row>
    <row r="1558" spans="2:3" x14ac:dyDescent="0.25">
      <c r="B1558" s="21">
        <v>41734</v>
      </c>
      <c r="C1558" s="6">
        <v>9575065</v>
      </c>
    </row>
    <row r="1559" spans="2:3" x14ac:dyDescent="0.25">
      <c r="B1559" s="21">
        <v>41735</v>
      </c>
      <c r="C1559" s="6">
        <v>9339098</v>
      </c>
    </row>
    <row r="1560" spans="2:3" x14ac:dyDescent="0.25">
      <c r="B1560" s="21">
        <v>41736</v>
      </c>
      <c r="C1560" s="6">
        <v>11012996</v>
      </c>
    </row>
    <row r="1561" spans="2:3" x14ac:dyDescent="0.25">
      <c r="B1561" s="21">
        <v>41737</v>
      </c>
      <c r="C1561" s="6">
        <v>11152642</v>
      </c>
    </row>
    <row r="1562" spans="2:3" x14ac:dyDescent="0.25">
      <c r="B1562" s="21">
        <v>41738</v>
      </c>
      <c r="C1562" s="6">
        <v>11482124</v>
      </c>
    </row>
    <row r="1563" spans="2:3" x14ac:dyDescent="0.25">
      <c r="B1563" s="21">
        <v>41739</v>
      </c>
      <c r="C1563" s="6">
        <v>11651415</v>
      </c>
    </row>
    <row r="1564" spans="2:3" x14ac:dyDescent="0.25">
      <c r="B1564" s="21">
        <v>41740</v>
      </c>
      <c r="C1564" s="6">
        <v>11307239</v>
      </c>
    </row>
    <row r="1565" spans="2:3" x14ac:dyDescent="0.25">
      <c r="B1565" s="21">
        <v>41741</v>
      </c>
      <c r="C1565" s="6">
        <v>9807905</v>
      </c>
    </row>
    <row r="1566" spans="2:3" x14ac:dyDescent="0.25">
      <c r="B1566" s="21">
        <v>41742</v>
      </c>
      <c r="C1566" s="6">
        <v>9438366</v>
      </c>
    </row>
    <row r="1567" spans="2:3" x14ac:dyDescent="0.25">
      <c r="B1567" s="21">
        <v>41743</v>
      </c>
      <c r="C1567" s="6">
        <v>11416271</v>
      </c>
    </row>
    <row r="1568" spans="2:3" x14ac:dyDescent="0.25">
      <c r="B1568" s="21">
        <v>41744</v>
      </c>
      <c r="C1568" s="6">
        <v>11941745</v>
      </c>
    </row>
    <row r="1569" spans="2:3" x14ac:dyDescent="0.25">
      <c r="B1569" s="21">
        <v>41745</v>
      </c>
      <c r="C1569" s="6">
        <v>11867267</v>
      </c>
    </row>
    <row r="1570" spans="2:3" x14ac:dyDescent="0.25">
      <c r="B1570" s="21">
        <v>41746</v>
      </c>
      <c r="C1570" s="6">
        <v>11646684</v>
      </c>
    </row>
    <row r="1571" spans="2:3" x14ac:dyDescent="0.25">
      <c r="B1571" s="21">
        <v>41747</v>
      </c>
      <c r="C1571" s="6">
        <v>11474559</v>
      </c>
    </row>
    <row r="1572" spans="2:3" x14ac:dyDescent="0.25">
      <c r="B1572" s="21">
        <v>41748</v>
      </c>
      <c r="C1572" s="6">
        <v>9675334</v>
      </c>
    </row>
    <row r="1573" spans="2:3" x14ac:dyDescent="0.25">
      <c r="B1573" s="21">
        <v>41749</v>
      </c>
      <c r="C1573" s="6">
        <v>8811117</v>
      </c>
    </row>
    <row r="1574" spans="2:3" x14ac:dyDescent="0.25">
      <c r="B1574" s="21">
        <v>41750</v>
      </c>
      <c r="C1574" s="6">
        <v>8594208</v>
      </c>
    </row>
    <row r="1575" spans="2:3" x14ac:dyDescent="0.25">
      <c r="B1575" s="21">
        <v>41751</v>
      </c>
      <c r="C1575" s="6">
        <v>10950817</v>
      </c>
    </row>
    <row r="1576" spans="2:3" x14ac:dyDescent="0.25">
      <c r="B1576" s="21">
        <v>41752</v>
      </c>
      <c r="C1576" s="6">
        <v>10918392</v>
      </c>
    </row>
    <row r="1577" spans="2:3" x14ac:dyDescent="0.25">
      <c r="B1577" s="21">
        <v>41753</v>
      </c>
      <c r="C1577" s="6">
        <v>10968061</v>
      </c>
    </row>
    <row r="1578" spans="2:3" x14ac:dyDescent="0.25">
      <c r="B1578" s="21">
        <v>41754</v>
      </c>
      <c r="C1578" s="6">
        <v>10610827</v>
      </c>
    </row>
    <row r="1579" spans="2:3" x14ac:dyDescent="0.25">
      <c r="B1579" s="21">
        <v>41755</v>
      </c>
      <c r="C1579" s="6">
        <v>9169324</v>
      </c>
    </row>
    <row r="1580" spans="2:3" x14ac:dyDescent="0.25">
      <c r="B1580" s="21">
        <v>41756</v>
      </c>
      <c r="C1580" s="6">
        <v>8959998</v>
      </c>
    </row>
    <row r="1581" spans="2:3" x14ac:dyDescent="0.25">
      <c r="B1581" s="21">
        <v>41757</v>
      </c>
      <c r="C1581" s="6">
        <v>10317033</v>
      </c>
    </row>
    <row r="1582" spans="2:3" x14ac:dyDescent="0.25">
      <c r="B1582" s="21">
        <v>41758</v>
      </c>
      <c r="C1582" s="6">
        <v>10643901</v>
      </c>
    </row>
    <row r="1583" spans="2:3" x14ac:dyDescent="0.25">
      <c r="B1583" s="21">
        <v>41759</v>
      </c>
      <c r="C1583" s="6">
        <v>10470763</v>
      </c>
    </row>
    <row r="1584" spans="2:3" x14ac:dyDescent="0.25">
      <c r="B1584" s="21">
        <v>41760</v>
      </c>
      <c r="C1584" s="6">
        <v>9080639</v>
      </c>
    </row>
    <row r="1585" spans="2:3" x14ac:dyDescent="0.25">
      <c r="B1585" s="21">
        <v>41761</v>
      </c>
      <c r="C1585" s="6">
        <v>9635077</v>
      </c>
    </row>
    <row r="1586" spans="2:3" x14ac:dyDescent="0.25">
      <c r="B1586" s="21">
        <v>41762</v>
      </c>
      <c r="C1586" s="6">
        <v>9078445</v>
      </c>
    </row>
    <row r="1587" spans="2:3" x14ac:dyDescent="0.25">
      <c r="B1587" s="21">
        <v>41763</v>
      </c>
      <c r="C1587" s="6">
        <v>8966187</v>
      </c>
    </row>
    <row r="1588" spans="2:3" x14ac:dyDescent="0.25">
      <c r="B1588" s="21">
        <v>41764</v>
      </c>
      <c r="C1588" s="6">
        <v>10718460</v>
      </c>
    </row>
    <row r="1589" spans="2:3" x14ac:dyDescent="0.25">
      <c r="B1589" s="21">
        <v>41765</v>
      </c>
      <c r="C1589" s="6">
        <v>10845989</v>
      </c>
    </row>
    <row r="1590" spans="2:3" x14ac:dyDescent="0.25">
      <c r="B1590" s="21">
        <v>41766</v>
      </c>
      <c r="C1590" s="6">
        <v>10928907</v>
      </c>
    </row>
    <row r="1591" spans="2:3" x14ac:dyDescent="0.25">
      <c r="B1591" s="21">
        <v>41767</v>
      </c>
      <c r="C1591" s="6">
        <v>9304556</v>
      </c>
    </row>
    <row r="1592" spans="2:3" x14ac:dyDescent="0.25">
      <c r="B1592" s="21">
        <v>41768</v>
      </c>
      <c r="C1592" s="6">
        <v>9679723</v>
      </c>
    </row>
    <row r="1593" spans="2:3" x14ac:dyDescent="0.25">
      <c r="B1593" s="21">
        <v>41769</v>
      </c>
      <c r="C1593" s="6">
        <v>8657216</v>
      </c>
    </row>
    <row r="1594" spans="2:3" x14ac:dyDescent="0.25">
      <c r="B1594" s="21">
        <v>41770</v>
      </c>
      <c r="C1594" s="6">
        <v>8718502</v>
      </c>
    </row>
    <row r="1595" spans="2:3" x14ac:dyDescent="0.25">
      <c r="B1595" s="21">
        <v>41771</v>
      </c>
      <c r="C1595" s="6">
        <v>10471167</v>
      </c>
    </row>
    <row r="1596" spans="2:3" x14ac:dyDescent="0.25">
      <c r="B1596" s="21">
        <v>41772</v>
      </c>
      <c r="C1596" s="6">
        <v>10746940</v>
      </c>
    </row>
    <row r="1597" spans="2:3" x14ac:dyDescent="0.25">
      <c r="B1597" s="21">
        <v>41773</v>
      </c>
      <c r="C1597" s="6">
        <v>10979641</v>
      </c>
    </row>
    <row r="1598" spans="2:3" x14ac:dyDescent="0.25">
      <c r="B1598" s="21">
        <v>41774</v>
      </c>
      <c r="C1598" s="6">
        <v>11121264</v>
      </c>
    </row>
    <row r="1599" spans="2:3" x14ac:dyDescent="0.25">
      <c r="B1599" s="21">
        <v>41775</v>
      </c>
      <c r="C1599" s="6">
        <v>10971193</v>
      </c>
    </row>
    <row r="1600" spans="2:3" x14ac:dyDescent="0.25">
      <c r="B1600" s="21">
        <v>41776</v>
      </c>
      <c r="C1600" s="6">
        <v>9453738</v>
      </c>
    </row>
    <row r="1601" spans="2:3" x14ac:dyDescent="0.25">
      <c r="B1601" s="21">
        <v>41777</v>
      </c>
      <c r="C1601" s="6">
        <v>9133254</v>
      </c>
    </row>
    <row r="1602" spans="2:3" x14ac:dyDescent="0.25">
      <c r="B1602" s="21">
        <v>41778</v>
      </c>
      <c r="C1602" s="6">
        <v>10447149</v>
      </c>
    </row>
    <row r="1603" spans="2:3" x14ac:dyDescent="0.25">
      <c r="B1603" s="21">
        <v>41779</v>
      </c>
      <c r="C1603" s="6">
        <v>10567253</v>
      </c>
    </row>
    <row r="1604" spans="2:3" x14ac:dyDescent="0.25">
      <c r="B1604" s="21">
        <v>41780</v>
      </c>
      <c r="C1604" s="6">
        <v>10544986</v>
      </c>
    </row>
    <row r="1605" spans="2:3" x14ac:dyDescent="0.25">
      <c r="B1605" s="21">
        <v>41781</v>
      </c>
      <c r="C1605" s="6">
        <v>10473513</v>
      </c>
    </row>
    <row r="1606" spans="2:3" x14ac:dyDescent="0.25">
      <c r="B1606" s="21">
        <v>41782</v>
      </c>
      <c r="C1606" s="6">
        <v>10383580</v>
      </c>
    </row>
    <row r="1607" spans="2:3" x14ac:dyDescent="0.25">
      <c r="B1607" s="21">
        <v>41783</v>
      </c>
      <c r="C1607" s="6">
        <v>8959222</v>
      </c>
    </row>
    <row r="1608" spans="2:3" x14ac:dyDescent="0.25">
      <c r="B1608" s="21">
        <v>41784</v>
      </c>
      <c r="C1608" s="6">
        <v>8649053</v>
      </c>
    </row>
    <row r="1609" spans="2:3" x14ac:dyDescent="0.25">
      <c r="B1609" s="21">
        <v>41785</v>
      </c>
      <c r="C1609" s="6">
        <v>10402595</v>
      </c>
    </row>
    <row r="1610" spans="2:3" x14ac:dyDescent="0.25">
      <c r="B1610" s="21">
        <v>41786</v>
      </c>
      <c r="C1610" s="6">
        <v>10674976</v>
      </c>
    </row>
    <row r="1611" spans="2:3" x14ac:dyDescent="0.25">
      <c r="B1611" s="21">
        <v>41787</v>
      </c>
      <c r="C1611" s="6">
        <v>10690062</v>
      </c>
    </row>
    <row r="1612" spans="2:3" x14ac:dyDescent="0.25">
      <c r="B1612" s="21">
        <v>41788</v>
      </c>
      <c r="C1612" s="6">
        <v>10644456</v>
      </c>
    </row>
    <row r="1613" spans="2:3" x14ac:dyDescent="0.25">
      <c r="B1613" s="21">
        <v>41789</v>
      </c>
      <c r="C1613" s="6">
        <v>10396307</v>
      </c>
    </row>
    <row r="1614" spans="2:3" x14ac:dyDescent="0.25">
      <c r="B1614" s="21">
        <v>41790</v>
      </c>
      <c r="C1614" s="6">
        <v>8871557</v>
      </c>
    </row>
    <row r="1615" spans="2:3" x14ac:dyDescent="0.25">
      <c r="B1615" s="21">
        <v>41791</v>
      </c>
      <c r="C1615" s="6">
        <v>8455221</v>
      </c>
    </row>
    <row r="1616" spans="2:3" x14ac:dyDescent="0.25">
      <c r="B1616" s="21">
        <v>41792</v>
      </c>
      <c r="C1616" s="6">
        <v>10259434</v>
      </c>
    </row>
    <row r="1617" spans="2:3" x14ac:dyDescent="0.25">
      <c r="B1617" s="21">
        <v>41793</v>
      </c>
      <c r="C1617" s="6">
        <v>10443295</v>
      </c>
    </row>
    <row r="1618" spans="2:3" x14ac:dyDescent="0.25">
      <c r="B1618" s="21">
        <v>41794</v>
      </c>
      <c r="C1618" s="6">
        <v>10453653</v>
      </c>
    </row>
    <row r="1619" spans="2:3" x14ac:dyDescent="0.25">
      <c r="B1619" s="21">
        <v>41795</v>
      </c>
      <c r="C1619" s="6">
        <v>10252729</v>
      </c>
    </row>
    <row r="1620" spans="2:3" x14ac:dyDescent="0.25">
      <c r="B1620" s="21">
        <v>41796</v>
      </c>
      <c r="C1620" s="6">
        <v>9881180</v>
      </c>
    </row>
    <row r="1621" spans="2:3" x14ac:dyDescent="0.25">
      <c r="B1621" s="21">
        <v>41797</v>
      </c>
      <c r="C1621" s="6">
        <v>8787116</v>
      </c>
    </row>
    <row r="1622" spans="2:3" x14ac:dyDescent="0.25">
      <c r="B1622" s="21">
        <v>41798</v>
      </c>
      <c r="C1622" s="6">
        <v>8576333</v>
      </c>
    </row>
    <row r="1623" spans="2:3" x14ac:dyDescent="0.25">
      <c r="B1623" s="21">
        <v>41799</v>
      </c>
      <c r="C1623" s="6">
        <v>10547414</v>
      </c>
    </row>
    <row r="1624" spans="2:3" x14ac:dyDescent="0.25">
      <c r="B1624" s="21">
        <v>41800</v>
      </c>
      <c r="C1624" s="6">
        <v>10790902</v>
      </c>
    </row>
    <row r="1625" spans="2:3" x14ac:dyDescent="0.25">
      <c r="B1625" s="21">
        <v>41801</v>
      </c>
      <c r="C1625" s="6">
        <v>10901894</v>
      </c>
    </row>
    <row r="1626" spans="2:3" x14ac:dyDescent="0.25">
      <c r="B1626" s="21">
        <v>41802</v>
      </c>
      <c r="C1626" s="6">
        <v>10373388</v>
      </c>
    </row>
    <row r="1627" spans="2:3" x14ac:dyDescent="0.25">
      <c r="B1627" s="21">
        <v>41803</v>
      </c>
      <c r="C1627" s="6">
        <v>10222631</v>
      </c>
    </row>
    <row r="1628" spans="2:3" x14ac:dyDescent="0.25">
      <c r="B1628" s="21">
        <v>41804</v>
      </c>
      <c r="C1628" s="6">
        <v>8914013</v>
      </c>
    </row>
    <row r="1629" spans="2:3" x14ac:dyDescent="0.25">
      <c r="B1629" s="21">
        <v>41805</v>
      </c>
      <c r="C1629" s="6">
        <v>8653056</v>
      </c>
    </row>
    <row r="1630" spans="2:3" x14ac:dyDescent="0.25">
      <c r="B1630" s="21">
        <v>41806</v>
      </c>
      <c r="C1630" s="6">
        <v>10356353</v>
      </c>
    </row>
    <row r="1631" spans="2:3" x14ac:dyDescent="0.25">
      <c r="B1631" s="21">
        <v>41807</v>
      </c>
      <c r="C1631" s="6">
        <v>10542394</v>
      </c>
    </row>
    <row r="1632" spans="2:3" x14ac:dyDescent="0.25">
      <c r="B1632" s="21">
        <v>41808</v>
      </c>
      <c r="C1632" s="6">
        <v>10557754</v>
      </c>
    </row>
    <row r="1633" spans="2:3" x14ac:dyDescent="0.25">
      <c r="B1633" s="21">
        <v>41809</v>
      </c>
      <c r="C1633" s="6">
        <v>10340372</v>
      </c>
    </row>
    <row r="1634" spans="2:3" x14ac:dyDescent="0.25">
      <c r="B1634" s="21">
        <v>41810</v>
      </c>
      <c r="C1634" s="6">
        <v>10346185</v>
      </c>
    </row>
    <row r="1635" spans="2:3" x14ac:dyDescent="0.25">
      <c r="B1635" s="21">
        <v>41811</v>
      </c>
      <c r="C1635" s="6">
        <v>8918375</v>
      </c>
    </row>
    <row r="1636" spans="2:3" x14ac:dyDescent="0.25">
      <c r="B1636" s="21">
        <v>41812</v>
      </c>
      <c r="C1636" s="6">
        <v>8666305</v>
      </c>
    </row>
    <row r="1637" spans="2:3" x14ac:dyDescent="0.25">
      <c r="B1637" s="21">
        <v>41813</v>
      </c>
      <c r="C1637" s="6">
        <v>10344895</v>
      </c>
    </row>
    <row r="1638" spans="2:3" x14ac:dyDescent="0.25">
      <c r="B1638" s="21">
        <v>41814</v>
      </c>
      <c r="C1638" s="6">
        <v>10486472</v>
      </c>
    </row>
    <row r="1639" spans="2:3" x14ac:dyDescent="0.25">
      <c r="B1639" s="21">
        <v>41815</v>
      </c>
      <c r="C1639" s="6">
        <v>10527390</v>
      </c>
    </row>
    <row r="1640" spans="2:3" x14ac:dyDescent="0.25">
      <c r="B1640" s="21">
        <v>41816</v>
      </c>
      <c r="C1640" s="6">
        <v>10385007</v>
      </c>
    </row>
    <row r="1641" spans="2:3" x14ac:dyDescent="0.25">
      <c r="B1641" s="21">
        <v>41817</v>
      </c>
      <c r="C1641" s="6">
        <v>10226149</v>
      </c>
    </row>
    <row r="1642" spans="2:3" x14ac:dyDescent="0.25">
      <c r="B1642" s="21">
        <v>41818</v>
      </c>
      <c r="C1642" s="6">
        <v>8811021</v>
      </c>
    </row>
    <row r="1643" spans="2:3" x14ac:dyDescent="0.25">
      <c r="B1643" s="21">
        <v>41819</v>
      </c>
      <c r="C1643" s="6">
        <v>8778899</v>
      </c>
    </row>
    <row r="1644" spans="2:3" x14ac:dyDescent="0.25">
      <c r="B1644" s="21">
        <v>41820</v>
      </c>
      <c r="C1644" s="6">
        <v>10363655</v>
      </c>
    </row>
    <row r="1645" spans="2:3" x14ac:dyDescent="0.25">
      <c r="B1645" s="21">
        <v>41821</v>
      </c>
      <c r="C1645" s="6">
        <v>10266255</v>
      </c>
    </row>
    <row r="1646" spans="2:3" x14ac:dyDescent="0.25">
      <c r="B1646" s="21">
        <v>41822</v>
      </c>
      <c r="C1646" s="6">
        <v>10372004</v>
      </c>
    </row>
    <row r="1647" spans="2:3" x14ac:dyDescent="0.25">
      <c r="B1647" s="21">
        <v>41823</v>
      </c>
      <c r="C1647" s="6">
        <v>10389888</v>
      </c>
    </row>
    <row r="1648" spans="2:3" x14ac:dyDescent="0.25">
      <c r="B1648" s="21">
        <v>41824</v>
      </c>
      <c r="C1648" s="6">
        <v>10203564</v>
      </c>
    </row>
    <row r="1649" spans="2:3" x14ac:dyDescent="0.25">
      <c r="B1649" s="21">
        <v>41825</v>
      </c>
      <c r="C1649" s="6">
        <v>8584022</v>
      </c>
    </row>
    <row r="1650" spans="2:3" x14ac:dyDescent="0.25">
      <c r="B1650" s="21">
        <v>41826</v>
      </c>
      <c r="C1650" s="6">
        <v>8574491</v>
      </c>
    </row>
    <row r="1651" spans="2:3" x14ac:dyDescent="0.25">
      <c r="B1651" s="21">
        <v>41827</v>
      </c>
      <c r="C1651" s="6">
        <v>10473487</v>
      </c>
    </row>
    <row r="1652" spans="2:3" x14ac:dyDescent="0.25">
      <c r="B1652" s="21">
        <v>41828</v>
      </c>
      <c r="C1652" s="6">
        <v>10691885</v>
      </c>
    </row>
    <row r="1653" spans="2:3" x14ac:dyDescent="0.25">
      <c r="B1653" s="21">
        <v>41829</v>
      </c>
      <c r="C1653" s="6">
        <v>10480600</v>
      </c>
    </row>
    <row r="1654" spans="2:3" x14ac:dyDescent="0.25">
      <c r="B1654" s="21">
        <v>41830</v>
      </c>
      <c r="C1654" s="6">
        <v>10172443</v>
      </c>
    </row>
    <row r="1655" spans="2:3" x14ac:dyDescent="0.25">
      <c r="B1655" s="21">
        <v>41831</v>
      </c>
      <c r="C1655" s="6">
        <v>10167326</v>
      </c>
    </row>
    <row r="1656" spans="2:3" x14ac:dyDescent="0.25">
      <c r="B1656" s="21">
        <v>41832</v>
      </c>
      <c r="C1656" s="6">
        <v>8538701</v>
      </c>
    </row>
    <row r="1657" spans="2:3" x14ac:dyDescent="0.25">
      <c r="B1657" s="21">
        <v>41833</v>
      </c>
      <c r="C1657" s="6">
        <v>8401049</v>
      </c>
    </row>
    <row r="1658" spans="2:3" x14ac:dyDescent="0.25">
      <c r="B1658" s="21">
        <v>41834</v>
      </c>
      <c r="C1658" s="6">
        <v>10208799</v>
      </c>
    </row>
    <row r="1659" spans="2:3" x14ac:dyDescent="0.25">
      <c r="B1659" s="21">
        <v>41835</v>
      </c>
      <c r="C1659" s="6">
        <v>10468802</v>
      </c>
    </row>
    <row r="1660" spans="2:3" x14ac:dyDescent="0.25">
      <c r="B1660" s="21">
        <v>41836</v>
      </c>
      <c r="C1660" s="6">
        <v>10501471</v>
      </c>
    </row>
    <row r="1661" spans="2:3" x14ac:dyDescent="0.25">
      <c r="B1661" s="21">
        <v>41837</v>
      </c>
      <c r="C1661" s="6">
        <v>10564532</v>
      </c>
    </row>
    <row r="1662" spans="2:3" x14ac:dyDescent="0.25">
      <c r="B1662" s="21">
        <v>41838</v>
      </c>
      <c r="C1662" s="6">
        <v>10350292</v>
      </c>
    </row>
    <row r="1663" spans="2:3" x14ac:dyDescent="0.25">
      <c r="B1663" s="21">
        <v>41839</v>
      </c>
      <c r="C1663" s="6">
        <v>8920741</v>
      </c>
    </row>
    <row r="1664" spans="2:3" x14ac:dyDescent="0.25">
      <c r="B1664" s="21">
        <v>41840</v>
      </c>
      <c r="C1664" s="6">
        <v>8762214</v>
      </c>
    </row>
    <row r="1665" spans="2:3" x14ac:dyDescent="0.25">
      <c r="B1665" s="21">
        <v>41841</v>
      </c>
      <c r="C1665" s="6">
        <v>10497575</v>
      </c>
    </row>
    <row r="1666" spans="2:3" x14ac:dyDescent="0.25">
      <c r="B1666" s="21">
        <v>41842</v>
      </c>
      <c r="C1666" s="6">
        <v>10423968</v>
      </c>
    </row>
    <row r="1667" spans="2:3" x14ac:dyDescent="0.25">
      <c r="B1667" s="21">
        <v>41843</v>
      </c>
      <c r="C1667" s="6">
        <v>10281166</v>
      </c>
    </row>
    <row r="1668" spans="2:3" x14ac:dyDescent="0.25">
      <c r="B1668" s="21">
        <v>41844</v>
      </c>
      <c r="C1668" s="6">
        <v>10271748</v>
      </c>
    </row>
    <row r="1669" spans="2:3" x14ac:dyDescent="0.25">
      <c r="B1669" s="21">
        <v>41845</v>
      </c>
      <c r="C1669" s="6">
        <v>10014885</v>
      </c>
    </row>
    <row r="1670" spans="2:3" x14ac:dyDescent="0.25">
      <c r="B1670" s="21">
        <v>41846</v>
      </c>
      <c r="C1670" s="6">
        <v>8652096</v>
      </c>
    </row>
    <row r="1671" spans="2:3" x14ac:dyDescent="0.25">
      <c r="B1671" s="21">
        <v>41847</v>
      </c>
      <c r="C1671" s="6">
        <v>8423096</v>
      </c>
    </row>
    <row r="1672" spans="2:3" x14ac:dyDescent="0.25">
      <c r="B1672" s="21">
        <v>41848</v>
      </c>
      <c r="C1672" s="6">
        <v>9428716</v>
      </c>
    </row>
    <row r="1673" spans="2:3" x14ac:dyDescent="0.25">
      <c r="B1673" s="21">
        <v>41849</v>
      </c>
      <c r="C1673" s="6">
        <v>9922006</v>
      </c>
    </row>
    <row r="1674" spans="2:3" x14ac:dyDescent="0.25">
      <c r="B1674" s="21">
        <v>41850</v>
      </c>
      <c r="C1674" s="6">
        <v>9950215</v>
      </c>
    </row>
    <row r="1675" spans="2:3" x14ac:dyDescent="0.25">
      <c r="B1675" s="21">
        <v>41851</v>
      </c>
      <c r="C1675" s="6">
        <v>9997270</v>
      </c>
    </row>
    <row r="1676" spans="2:3" x14ac:dyDescent="0.25">
      <c r="B1676" s="21">
        <v>41852</v>
      </c>
      <c r="C1676" s="6">
        <v>9658612</v>
      </c>
    </row>
    <row r="1677" spans="2:3" x14ac:dyDescent="0.25">
      <c r="B1677" s="21">
        <v>41853</v>
      </c>
      <c r="C1677" s="6">
        <v>8390338</v>
      </c>
    </row>
    <row r="1678" spans="2:3" x14ac:dyDescent="0.25">
      <c r="B1678" s="21">
        <v>41854</v>
      </c>
      <c r="C1678" s="6">
        <v>8282662</v>
      </c>
    </row>
    <row r="1679" spans="2:3" x14ac:dyDescent="0.25">
      <c r="B1679" s="21">
        <v>41855</v>
      </c>
      <c r="C1679" s="6">
        <v>9512604</v>
      </c>
    </row>
    <row r="1680" spans="2:3" x14ac:dyDescent="0.25">
      <c r="B1680" s="21">
        <v>41856</v>
      </c>
      <c r="C1680" s="6">
        <v>9611867</v>
      </c>
    </row>
    <row r="1681" spans="2:3" x14ac:dyDescent="0.25">
      <c r="B1681" s="21">
        <v>41857</v>
      </c>
      <c r="C1681" s="6">
        <v>9576380</v>
      </c>
    </row>
    <row r="1682" spans="2:3" x14ac:dyDescent="0.25">
      <c r="B1682" s="21">
        <v>41858</v>
      </c>
      <c r="C1682" s="6">
        <v>9560274</v>
      </c>
    </row>
    <row r="1683" spans="2:3" x14ac:dyDescent="0.25">
      <c r="B1683" s="21">
        <v>41859</v>
      </c>
      <c r="C1683" s="6">
        <v>9555187</v>
      </c>
    </row>
    <row r="1684" spans="2:3" x14ac:dyDescent="0.25">
      <c r="B1684" s="21">
        <v>41860</v>
      </c>
      <c r="C1684" s="6">
        <v>8430133</v>
      </c>
    </row>
    <row r="1685" spans="2:3" x14ac:dyDescent="0.25">
      <c r="B1685" s="21">
        <v>41861</v>
      </c>
      <c r="C1685" s="6">
        <v>8209755</v>
      </c>
    </row>
    <row r="1686" spans="2:3" x14ac:dyDescent="0.25">
      <c r="B1686" s="21">
        <v>41862</v>
      </c>
      <c r="C1686" s="6">
        <v>9860173</v>
      </c>
    </row>
    <row r="1687" spans="2:3" x14ac:dyDescent="0.25">
      <c r="B1687" s="21">
        <v>41863</v>
      </c>
      <c r="C1687" s="6">
        <v>9801652</v>
      </c>
    </row>
    <row r="1688" spans="2:3" x14ac:dyDescent="0.25">
      <c r="B1688" s="21">
        <v>41864</v>
      </c>
      <c r="C1688" s="6">
        <v>9940798</v>
      </c>
    </row>
    <row r="1689" spans="2:3" x14ac:dyDescent="0.25">
      <c r="B1689" s="21">
        <v>41865</v>
      </c>
      <c r="C1689" s="6">
        <v>9964076</v>
      </c>
    </row>
    <row r="1690" spans="2:3" x14ac:dyDescent="0.25">
      <c r="B1690" s="21">
        <v>41866</v>
      </c>
      <c r="C1690" s="6">
        <v>9727860</v>
      </c>
    </row>
    <row r="1691" spans="2:3" x14ac:dyDescent="0.25">
      <c r="B1691" s="21">
        <v>41867</v>
      </c>
      <c r="C1691" s="6">
        <v>8344485</v>
      </c>
    </row>
    <row r="1692" spans="2:3" x14ac:dyDescent="0.25">
      <c r="B1692" s="21">
        <v>41868</v>
      </c>
      <c r="C1692" s="6">
        <v>8199467</v>
      </c>
    </row>
    <row r="1693" spans="2:3" x14ac:dyDescent="0.25">
      <c r="B1693" s="21">
        <v>41869</v>
      </c>
      <c r="C1693" s="6">
        <v>9947678</v>
      </c>
    </row>
    <row r="1694" spans="2:3" x14ac:dyDescent="0.25">
      <c r="B1694" s="21">
        <v>41870</v>
      </c>
      <c r="C1694" s="6">
        <v>10438317</v>
      </c>
    </row>
    <row r="1695" spans="2:3" x14ac:dyDescent="0.25">
      <c r="B1695" s="21">
        <v>41871</v>
      </c>
      <c r="C1695" s="6">
        <v>10310760</v>
      </c>
    </row>
    <row r="1696" spans="2:3" x14ac:dyDescent="0.25">
      <c r="B1696" s="21">
        <v>41872</v>
      </c>
      <c r="C1696" s="6">
        <v>10374540</v>
      </c>
    </row>
    <row r="1697" spans="2:3" x14ac:dyDescent="0.25">
      <c r="B1697" s="21">
        <v>41873</v>
      </c>
      <c r="C1697" s="6">
        <v>10238331</v>
      </c>
    </row>
    <row r="1698" spans="2:3" x14ac:dyDescent="0.25">
      <c r="B1698" s="21">
        <v>41874</v>
      </c>
      <c r="C1698" s="6">
        <v>8949163</v>
      </c>
    </row>
    <row r="1699" spans="2:3" x14ac:dyDescent="0.25">
      <c r="B1699" s="21">
        <v>41875</v>
      </c>
      <c r="C1699" s="6">
        <v>8675261</v>
      </c>
    </row>
    <row r="1700" spans="2:3" x14ac:dyDescent="0.25">
      <c r="B1700" s="21">
        <v>41876</v>
      </c>
      <c r="C1700" s="6">
        <v>10477895</v>
      </c>
    </row>
    <row r="1701" spans="2:3" x14ac:dyDescent="0.25">
      <c r="B1701" s="21">
        <v>41877</v>
      </c>
      <c r="C1701" s="6">
        <v>10892442</v>
      </c>
    </row>
    <row r="1702" spans="2:3" x14ac:dyDescent="0.25">
      <c r="B1702" s="21">
        <v>41878</v>
      </c>
      <c r="C1702" s="6">
        <v>10782099</v>
      </c>
    </row>
    <row r="1703" spans="2:3" x14ac:dyDescent="0.25">
      <c r="B1703" s="21">
        <v>41879</v>
      </c>
      <c r="C1703" s="6">
        <v>10661284</v>
      </c>
    </row>
    <row r="1704" spans="2:3" x14ac:dyDescent="0.25">
      <c r="B1704" s="21">
        <v>41880</v>
      </c>
      <c r="C1704" s="6">
        <v>10456378</v>
      </c>
    </row>
    <row r="1705" spans="2:3" x14ac:dyDescent="0.25">
      <c r="B1705" s="21">
        <v>41881</v>
      </c>
      <c r="C1705" s="6">
        <v>9052674</v>
      </c>
    </row>
    <row r="1706" spans="2:3" x14ac:dyDescent="0.25">
      <c r="B1706" s="21">
        <v>41882</v>
      </c>
      <c r="C1706" s="6">
        <v>8934070</v>
      </c>
    </row>
    <row r="1707" spans="2:3" x14ac:dyDescent="0.25">
      <c r="B1707" s="21">
        <v>41883</v>
      </c>
      <c r="C1707" s="6">
        <v>10704435</v>
      </c>
    </row>
    <row r="1708" spans="2:3" x14ac:dyDescent="0.25">
      <c r="B1708" s="21">
        <v>41884</v>
      </c>
      <c r="C1708" s="6">
        <v>10669772</v>
      </c>
    </row>
    <row r="1709" spans="2:3" x14ac:dyDescent="0.25">
      <c r="B1709" s="21">
        <v>41885</v>
      </c>
      <c r="C1709" s="6">
        <v>10783513</v>
      </c>
    </row>
    <row r="1710" spans="2:3" x14ac:dyDescent="0.25">
      <c r="B1710" s="21">
        <v>41886</v>
      </c>
      <c r="C1710" s="6">
        <v>10693954</v>
      </c>
    </row>
    <row r="1711" spans="2:3" x14ac:dyDescent="0.25">
      <c r="B1711" s="21">
        <v>41887</v>
      </c>
      <c r="C1711" s="6">
        <v>10585990</v>
      </c>
    </row>
    <row r="1712" spans="2:3" x14ac:dyDescent="0.25">
      <c r="B1712" s="21">
        <v>41888</v>
      </c>
      <c r="C1712" s="6">
        <v>9002995</v>
      </c>
    </row>
    <row r="1713" spans="2:3" x14ac:dyDescent="0.25">
      <c r="B1713" s="21">
        <v>41889</v>
      </c>
      <c r="C1713" s="6">
        <v>8799179</v>
      </c>
    </row>
    <row r="1714" spans="2:3" x14ac:dyDescent="0.25">
      <c r="B1714" s="21">
        <v>41890</v>
      </c>
      <c r="C1714" s="6">
        <v>10503552</v>
      </c>
    </row>
    <row r="1715" spans="2:3" x14ac:dyDescent="0.25">
      <c r="B1715" s="21">
        <v>41891</v>
      </c>
      <c r="C1715" s="6">
        <v>10769110</v>
      </c>
    </row>
    <row r="1716" spans="2:3" x14ac:dyDescent="0.25">
      <c r="B1716" s="21">
        <v>41892</v>
      </c>
      <c r="C1716" s="6">
        <v>10682621</v>
      </c>
    </row>
    <row r="1717" spans="2:3" x14ac:dyDescent="0.25">
      <c r="B1717" s="21">
        <v>41893</v>
      </c>
      <c r="C1717" s="6">
        <v>10843632</v>
      </c>
    </row>
    <row r="1718" spans="2:3" x14ac:dyDescent="0.25">
      <c r="B1718" s="21">
        <v>41894</v>
      </c>
      <c r="C1718" s="6">
        <v>10681264</v>
      </c>
    </row>
    <row r="1719" spans="2:3" x14ac:dyDescent="0.25">
      <c r="B1719" s="21">
        <v>41895</v>
      </c>
      <c r="C1719" s="6">
        <v>9036907</v>
      </c>
    </row>
    <row r="1720" spans="2:3" x14ac:dyDescent="0.25">
      <c r="B1720" s="21">
        <v>41896</v>
      </c>
      <c r="C1720" s="6">
        <v>8984662</v>
      </c>
    </row>
    <row r="1721" spans="2:3" x14ac:dyDescent="0.25">
      <c r="B1721" s="21">
        <v>41897</v>
      </c>
      <c r="C1721" s="6">
        <v>10775727</v>
      </c>
    </row>
    <row r="1722" spans="2:3" x14ac:dyDescent="0.25">
      <c r="B1722" s="21">
        <v>41898</v>
      </c>
      <c r="C1722" s="6">
        <v>10882641</v>
      </c>
    </row>
    <row r="1723" spans="2:3" x14ac:dyDescent="0.25">
      <c r="B1723" s="21">
        <v>41899</v>
      </c>
      <c r="C1723" s="6">
        <v>10902046</v>
      </c>
    </row>
    <row r="1724" spans="2:3" x14ac:dyDescent="0.25">
      <c r="B1724" s="21">
        <v>41900</v>
      </c>
      <c r="C1724" s="6">
        <v>10855167</v>
      </c>
    </row>
    <row r="1725" spans="2:3" x14ac:dyDescent="0.25">
      <c r="B1725" s="21">
        <v>41901</v>
      </c>
      <c r="C1725" s="6">
        <v>10684340</v>
      </c>
    </row>
    <row r="1726" spans="2:3" x14ac:dyDescent="0.25">
      <c r="B1726" s="21">
        <v>41902</v>
      </c>
      <c r="C1726" s="6">
        <v>9073618</v>
      </c>
    </row>
    <row r="1727" spans="2:3" x14ac:dyDescent="0.25">
      <c r="B1727" s="21">
        <v>41903</v>
      </c>
      <c r="C1727" s="6">
        <v>8924715</v>
      </c>
    </row>
    <row r="1728" spans="2:3" x14ac:dyDescent="0.25">
      <c r="B1728" s="21">
        <v>41904</v>
      </c>
      <c r="C1728" s="6">
        <v>10616140</v>
      </c>
    </row>
    <row r="1729" spans="2:3" x14ac:dyDescent="0.25">
      <c r="B1729" s="21">
        <v>41905</v>
      </c>
      <c r="C1729" s="6">
        <v>10938219</v>
      </c>
    </row>
    <row r="1730" spans="2:3" x14ac:dyDescent="0.25">
      <c r="B1730" s="21">
        <v>41906</v>
      </c>
      <c r="C1730" s="6">
        <v>10990261</v>
      </c>
    </row>
    <row r="1731" spans="2:3" x14ac:dyDescent="0.25">
      <c r="B1731" s="21">
        <v>41907</v>
      </c>
      <c r="C1731" s="6">
        <v>11150747</v>
      </c>
    </row>
    <row r="1732" spans="2:3" x14ac:dyDescent="0.25">
      <c r="B1732" s="21">
        <v>41908</v>
      </c>
      <c r="C1732" s="6">
        <v>11127731</v>
      </c>
    </row>
    <row r="1733" spans="2:3" x14ac:dyDescent="0.25">
      <c r="B1733" s="21">
        <v>41909</v>
      </c>
      <c r="C1733" s="6">
        <v>9294015</v>
      </c>
    </row>
    <row r="1734" spans="2:3" x14ac:dyDescent="0.25">
      <c r="B1734" s="21">
        <v>41910</v>
      </c>
      <c r="C1734" s="6">
        <v>8955136</v>
      </c>
    </row>
    <row r="1735" spans="2:3" x14ac:dyDescent="0.25">
      <c r="B1735" s="21">
        <v>41911</v>
      </c>
      <c r="C1735" s="6">
        <v>10845960</v>
      </c>
    </row>
    <row r="1736" spans="2:3" x14ac:dyDescent="0.25">
      <c r="B1736" s="21">
        <v>41912</v>
      </c>
      <c r="C1736" s="6">
        <v>11087818</v>
      </c>
    </row>
    <row r="1737" spans="2:3" x14ac:dyDescent="0.25">
      <c r="B1737" s="21">
        <v>41913</v>
      </c>
      <c r="C1737" s="6">
        <v>11272363</v>
      </c>
    </row>
    <row r="1738" spans="2:3" x14ac:dyDescent="0.25">
      <c r="B1738" s="21">
        <v>41914</v>
      </c>
      <c r="C1738" s="6">
        <v>11108043</v>
      </c>
    </row>
    <row r="1739" spans="2:3" x14ac:dyDescent="0.25">
      <c r="B1739" s="21">
        <v>41915</v>
      </c>
      <c r="C1739" s="6">
        <v>10948876</v>
      </c>
    </row>
    <row r="1740" spans="2:3" x14ac:dyDescent="0.25">
      <c r="B1740" s="21">
        <v>41916</v>
      </c>
      <c r="C1740" s="6">
        <v>9600672</v>
      </c>
    </row>
    <row r="1741" spans="2:3" x14ac:dyDescent="0.25">
      <c r="B1741" s="21">
        <v>41917</v>
      </c>
      <c r="C1741" s="6">
        <v>9332969</v>
      </c>
    </row>
    <row r="1742" spans="2:3" x14ac:dyDescent="0.25">
      <c r="B1742" s="21">
        <v>41918</v>
      </c>
      <c r="C1742" s="6">
        <v>11107438</v>
      </c>
    </row>
    <row r="1743" spans="2:3" x14ac:dyDescent="0.25">
      <c r="B1743" s="21">
        <v>41919</v>
      </c>
      <c r="C1743" s="6">
        <v>11350100</v>
      </c>
    </row>
    <row r="1744" spans="2:3" x14ac:dyDescent="0.25">
      <c r="B1744" s="21">
        <v>41920</v>
      </c>
      <c r="C1744" s="6">
        <v>11388586</v>
      </c>
    </row>
    <row r="1745" spans="2:3" x14ac:dyDescent="0.25">
      <c r="B1745" s="21">
        <v>41921</v>
      </c>
      <c r="C1745" s="6">
        <v>11241680</v>
      </c>
    </row>
    <row r="1746" spans="2:3" x14ac:dyDescent="0.25">
      <c r="B1746" s="21">
        <v>41922</v>
      </c>
      <c r="C1746" s="6">
        <v>11026069</v>
      </c>
    </row>
    <row r="1747" spans="2:3" x14ac:dyDescent="0.25">
      <c r="B1747" s="21">
        <v>41923</v>
      </c>
      <c r="C1747" s="6">
        <v>9509855</v>
      </c>
    </row>
    <row r="1748" spans="2:3" x14ac:dyDescent="0.25">
      <c r="B1748" s="21">
        <v>41924</v>
      </c>
      <c r="C1748" s="6">
        <v>9258756</v>
      </c>
    </row>
    <row r="1749" spans="2:3" x14ac:dyDescent="0.25">
      <c r="B1749" s="21">
        <v>41925</v>
      </c>
      <c r="C1749" s="6">
        <v>10999465</v>
      </c>
    </row>
    <row r="1750" spans="2:3" x14ac:dyDescent="0.25">
      <c r="B1750" s="21">
        <v>41926</v>
      </c>
      <c r="C1750" s="6">
        <v>11243994</v>
      </c>
    </row>
    <row r="1751" spans="2:3" x14ac:dyDescent="0.25">
      <c r="B1751" s="21">
        <v>41927</v>
      </c>
      <c r="C1751" s="6">
        <v>11442582</v>
      </c>
    </row>
    <row r="1752" spans="2:3" x14ac:dyDescent="0.25">
      <c r="B1752" s="21">
        <v>41928</v>
      </c>
      <c r="C1752" s="6">
        <v>11387593</v>
      </c>
    </row>
    <row r="1753" spans="2:3" x14ac:dyDescent="0.25">
      <c r="B1753" s="21">
        <v>41929</v>
      </c>
      <c r="C1753" s="6">
        <v>11370214</v>
      </c>
    </row>
    <row r="1754" spans="2:3" x14ac:dyDescent="0.25">
      <c r="B1754" s="21">
        <v>41930</v>
      </c>
      <c r="C1754" s="6">
        <v>9707223</v>
      </c>
    </row>
    <row r="1755" spans="2:3" x14ac:dyDescent="0.25">
      <c r="B1755" s="21">
        <v>41931</v>
      </c>
      <c r="C1755" s="6">
        <v>9325785</v>
      </c>
    </row>
    <row r="1756" spans="2:3" x14ac:dyDescent="0.25">
      <c r="B1756" s="21">
        <v>41932</v>
      </c>
      <c r="C1756" s="6">
        <v>11381102</v>
      </c>
    </row>
    <row r="1757" spans="2:3" x14ac:dyDescent="0.25">
      <c r="B1757" s="21">
        <v>41933</v>
      </c>
      <c r="C1757" s="6">
        <v>11403490</v>
      </c>
    </row>
    <row r="1758" spans="2:3" x14ac:dyDescent="0.25">
      <c r="B1758" s="21">
        <v>41934</v>
      </c>
      <c r="C1758" s="6">
        <v>11849679</v>
      </c>
    </row>
    <row r="1759" spans="2:3" x14ac:dyDescent="0.25">
      <c r="B1759" s="21">
        <v>41935</v>
      </c>
      <c r="C1759" s="6">
        <v>11964275</v>
      </c>
    </row>
    <row r="1760" spans="2:3" x14ac:dyDescent="0.25">
      <c r="B1760" s="21">
        <v>41936</v>
      </c>
      <c r="C1760" s="6">
        <v>11780303</v>
      </c>
    </row>
    <row r="1761" spans="2:3" x14ac:dyDescent="0.25">
      <c r="B1761" s="21">
        <v>41937</v>
      </c>
      <c r="C1761" s="6">
        <v>10262234</v>
      </c>
    </row>
    <row r="1762" spans="2:3" x14ac:dyDescent="0.25">
      <c r="B1762" s="21">
        <v>41938</v>
      </c>
      <c r="C1762" s="6">
        <v>10232877</v>
      </c>
    </row>
    <row r="1763" spans="2:3" x14ac:dyDescent="0.25">
      <c r="B1763" s="21">
        <v>41939</v>
      </c>
      <c r="C1763" s="6">
        <v>10912446</v>
      </c>
    </row>
    <row r="1764" spans="2:3" x14ac:dyDescent="0.25">
      <c r="B1764" s="21">
        <v>41940</v>
      </c>
      <c r="C1764" s="6">
        <v>10588809</v>
      </c>
    </row>
    <row r="1765" spans="2:3" x14ac:dyDescent="0.25">
      <c r="B1765" s="21">
        <v>41941</v>
      </c>
      <c r="C1765" s="6">
        <v>12127769</v>
      </c>
    </row>
    <row r="1766" spans="2:3" x14ac:dyDescent="0.25">
      <c r="B1766" s="21">
        <v>41942</v>
      </c>
      <c r="C1766" s="6">
        <v>12179391</v>
      </c>
    </row>
    <row r="1767" spans="2:3" x14ac:dyDescent="0.25">
      <c r="B1767" s="21">
        <v>41943</v>
      </c>
      <c r="C1767" s="6">
        <v>11898856</v>
      </c>
    </row>
    <row r="1768" spans="2:3" x14ac:dyDescent="0.25">
      <c r="B1768" s="21">
        <v>41944</v>
      </c>
      <c r="C1768" s="6">
        <v>10182876</v>
      </c>
    </row>
    <row r="1769" spans="2:3" x14ac:dyDescent="0.25">
      <c r="B1769" s="21">
        <v>41945</v>
      </c>
      <c r="C1769" s="6">
        <v>9883932</v>
      </c>
    </row>
    <row r="1770" spans="2:3" x14ac:dyDescent="0.25">
      <c r="B1770" s="21">
        <v>41946</v>
      </c>
      <c r="C1770" s="6">
        <v>11933156</v>
      </c>
    </row>
    <row r="1771" spans="2:3" x14ac:dyDescent="0.25">
      <c r="B1771" s="21">
        <v>41947</v>
      </c>
      <c r="C1771" s="6">
        <v>11847760</v>
      </c>
    </row>
    <row r="1772" spans="2:3" x14ac:dyDescent="0.25">
      <c r="B1772" s="21">
        <v>41948</v>
      </c>
      <c r="C1772" s="6">
        <v>11885014</v>
      </c>
    </row>
    <row r="1773" spans="2:3" x14ac:dyDescent="0.25">
      <c r="B1773" s="21">
        <v>41949</v>
      </c>
      <c r="C1773" s="6">
        <v>11915604</v>
      </c>
    </row>
    <row r="1774" spans="2:3" x14ac:dyDescent="0.25">
      <c r="B1774" s="21">
        <v>41950</v>
      </c>
      <c r="C1774" s="6">
        <v>11854942</v>
      </c>
    </row>
    <row r="1775" spans="2:3" x14ac:dyDescent="0.25">
      <c r="B1775" s="21">
        <v>41951</v>
      </c>
      <c r="C1775" s="6">
        <v>10187990</v>
      </c>
    </row>
    <row r="1776" spans="2:3" x14ac:dyDescent="0.25">
      <c r="B1776" s="21">
        <v>41952</v>
      </c>
      <c r="C1776" s="6">
        <v>10097177</v>
      </c>
    </row>
    <row r="1777" spans="2:3" x14ac:dyDescent="0.25">
      <c r="B1777" s="21">
        <v>41953</v>
      </c>
      <c r="C1777" s="6">
        <v>11862612</v>
      </c>
    </row>
    <row r="1778" spans="2:3" x14ac:dyDescent="0.25">
      <c r="B1778" s="21">
        <v>41954</v>
      </c>
      <c r="C1778" s="6">
        <v>11844921</v>
      </c>
    </row>
    <row r="1779" spans="2:3" x14ac:dyDescent="0.25">
      <c r="B1779" s="21">
        <v>41955</v>
      </c>
      <c r="C1779" s="6">
        <v>11873627</v>
      </c>
    </row>
    <row r="1780" spans="2:3" x14ac:dyDescent="0.25">
      <c r="B1780" s="21">
        <v>41956</v>
      </c>
      <c r="C1780" s="6">
        <v>11768286</v>
      </c>
    </row>
    <row r="1781" spans="2:3" x14ac:dyDescent="0.25">
      <c r="B1781" s="21">
        <v>41957</v>
      </c>
      <c r="C1781" s="6">
        <v>11732643</v>
      </c>
    </row>
    <row r="1782" spans="2:3" x14ac:dyDescent="0.25">
      <c r="B1782" s="21">
        <v>41958</v>
      </c>
      <c r="C1782" s="6">
        <v>10302037</v>
      </c>
    </row>
    <row r="1783" spans="2:3" x14ac:dyDescent="0.25">
      <c r="B1783" s="21">
        <v>41959</v>
      </c>
      <c r="C1783" s="6">
        <v>9826217</v>
      </c>
    </row>
    <row r="1784" spans="2:3" x14ac:dyDescent="0.25">
      <c r="B1784" s="21">
        <v>41960</v>
      </c>
      <c r="C1784" s="6">
        <v>10207156</v>
      </c>
    </row>
    <row r="1785" spans="2:3" x14ac:dyDescent="0.25">
      <c r="B1785" s="21">
        <v>41961</v>
      </c>
      <c r="C1785" s="6">
        <v>12106467</v>
      </c>
    </row>
    <row r="1786" spans="2:3" x14ac:dyDescent="0.25">
      <c r="B1786" s="21">
        <v>41962</v>
      </c>
      <c r="C1786" s="6">
        <v>12311717</v>
      </c>
    </row>
    <row r="1787" spans="2:3" x14ac:dyDescent="0.25">
      <c r="B1787" s="21">
        <v>41963</v>
      </c>
      <c r="C1787" s="6">
        <v>12296485</v>
      </c>
    </row>
    <row r="1788" spans="2:3" x14ac:dyDescent="0.25">
      <c r="B1788" s="21">
        <v>41964</v>
      </c>
      <c r="C1788" s="6">
        <v>12259432</v>
      </c>
    </row>
    <row r="1789" spans="2:3" x14ac:dyDescent="0.25">
      <c r="B1789" s="21">
        <v>41965</v>
      </c>
      <c r="C1789" s="6">
        <v>10837668</v>
      </c>
    </row>
    <row r="1790" spans="2:3" x14ac:dyDescent="0.25">
      <c r="B1790" s="21">
        <v>41966</v>
      </c>
      <c r="C1790" s="6">
        <v>10626463</v>
      </c>
    </row>
    <row r="1791" spans="2:3" x14ac:dyDescent="0.25">
      <c r="B1791" s="21">
        <v>41967</v>
      </c>
      <c r="C1791" s="6">
        <v>12533569</v>
      </c>
    </row>
    <row r="1792" spans="2:3" x14ac:dyDescent="0.25">
      <c r="B1792" s="21">
        <v>41968</v>
      </c>
      <c r="C1792" s="6">
        <v>12772942</v>
      </c>
    </row>
    <row r="1793" spans="2:3" x14ac:dyDescent="0.25">
      <c r="B1793" s="21">
        <v>41969</v>
      </c>
      <c r="C1793" s="6">
        <v>12899244</v>
      </c>
    </row>
    <row r="1794" spans="2:3" x14ac:dyDescent="0.25">
      <c r="B1794" s="21">
        <v>41970</v>
      </c>
      <c r="C1794" s="6">
        <v>13065680</v>
      </c>
    </row>
    <row r="1795" spans="2:3" x14ac:dyDescent="0.25">
      <c r="B1795" s="21">
        <v>41971</v>
      </c>
      <c r="C1795" s="6">
        <v>12941950</v>
      </c>
    </row>
    <row r="1796" spans="2:3" x14ac:dyDescent="0.25">
      <c r="B1796" s="21">
        <v>41972</v>
      </c>
      <c r="C1796" s="6">
        <v>11368357</v>
      </c>
    </row>
    <row r="1797" spans="2:3" x14ac:dyDescent="0.25">
      <c r="B1797" s="21">
        <v>41973</v>
      </c>
      <c r="C1797" s="6">
        <v>11004143</v>
      </c>
    </row>
    <row r="1798" spans="2:3" x14ac:dyDescent="0.25">
      <c r="B1798" s="21">
        <v>41974</v>
      </c>
      <c r="C1798" s="6">
        <v>13106114</v>
      </c>
    </row>
    <row r="1799" spans="2:3" x14ac:dyDescent="0.25">
      <c r="B1799" s="21">
        <v>41975</v>
      </c>
      <c r="C1799" s="6">
        <v>13218641</v>
      </c>
    </row>
    <row r="1800" spans="2:3" x14ac:dyDescent="0.25">
      <c r="B1800" s="21">
        <v>41976</v>
      </c>
      <c r="C1800" s="6">
        <v>13070076</v>
      </c>
    </row>
    <row r="1801" spans="2:3" x14ac:dyDescent="0.25">
      <c r="B1801" s="21">
        <v>41977</v>
      </c>
      <c r="C1801" s="6">
        <v>12817032</v>
      </c>
    </row>
    <row r="1802" spans="2:3" x14ac:dyDescent="0.25">
      <c r="B1802" s="21">
        <v>41978</v>
      </c>
      <c r="C1802" s="6">
        <v>12782204</v>
      </c>
    </row>
    <row r="1803" spans="2:3" x14ac:dyDescent="0.25">
      <c r="B1803" s="21">
        <v>41979</v>
      </c>
      <c r="C1803" s="6">
        <v>11012091</v>
      </c>
    </row>
    <row r="1804" spans="2:3" x14ac:dyDescent="0.25">
      <c r="B1804" s="21">
        <v>41980</v>
      </c>
      <c r="C1804" s="6">
        <v>10948564</v>
      </c>
    </row>
    <row r="1805" spans="2:3" x14ac:dyDescent="0.25">
      <c r="B1805" s="21">
        <v>41981</v>
      </c>
      <c r="C1805" s="6">
        <v>12865083</v>
      </c>
    </row>
    <row r="1806" spans="2:3" x14ac:dyDescent="0.25">
      <c r="B1806" s="21">
        <v>41982</v>
      </c>
      <c r="C1806" s="6">
        <v>13407717</v>
      </c>
    </row>
    <row r="1807" spans="2:3" x14ac:dyDescent="0.25">
      <c r="B1807" s="21">
        <v>41983</v>
      </c>
      <c r="C1807" s="6">
        <v>13597429</v>
      </c>
    </row>
    <row r="1808" spans="2:3" x14ac:dyDescent="0.25">
      <c r="B1808" s="21">
        <v>41984</v>
      </c>
      <c r="C1808" s="6">
        <v>13187483</v>
      </c>
    </row>
    <row r="1809" spans="2:3" x14ac:dyDescent="0.25">
      <c r="B1809" s="21">
        <v>41985</v>
      </c>
      <c r="C1809" s="6">
        <v>12807894</v>
      </c>
    </row>
    <row r="1810" spans="2:3" x14ac:dyDescent="0.25">
      <c r="B1810" s="21">
        <v>41986</v>
      </c>
      <c r="C1810" s="6">
        <v>11062276</v>
      </c>
    </row>
    <row r="1811" spans="2:3" x14ac:dyDescent="0.25">
      <c r="B1811" s="21">
        <v>41987</v>
      </c>
      <c r="C1811" s="6">
        <v>10851508</v>
      </c>
    </row>
    <row r="1812" spans="2:3" x14ac:dyDescent="0.25">
      <c r="B1812" s="21">
        <v>41988</v>
      </c>
      <c r="C1812" s="6">
        <v>12562180</v>
      </c>
    </row>
    <row r="1813" spans="2:3" x14ac:dyDescent="0.25">
      <c r="B1813" s="21">
        <v>41989</v>
      </c>
      <c r="C1813" s="6">
        <v>12742194</v>
      </c>
    </row>
    <row r="1814" spans="2:3" x14ac:dyDescent="0.25">
      <c r="B1814" s="21">
        <v>41990</v>
      </c>
      <c r="C1814" s="6">
        <v>12672671</v>
      </c>
    </row>
    <row r="1815" spans="2:3" x14ac:dyDescent="0.25">
      <c r="B1815" s="21">
        <v>41991</v>
      </c>
      <c r="C1815" s="6">
        <v>12434480</v>
      </c>
    </row>
    <row r="1816" spans="2:3" x14ac:dyDescent="0.25">
      <c r="B1816" s="21">
        <v>41992</v>
      </c>
      <c r="C1816" s="6">
        <v>11601643</v>
      </c>
    </row>
    <row r="1817" spans="2:3" x14ac:dyDescent="0.25">
      <c r="B1817" s="21">
        <v>41993</v>
      </c>
      <c r="C1817" s="6">
        <v>10230173</v>
      </c>
    </row>
    <row r="1818" spans="2:3" x14ac:dyDescent="0.25">
      <c r="B1818" s="21">
        <v>41994</v>
      </c>
      <c r="C1818" s="6">
        <v>10205798</v>
      </c>
    </row>
    <row r="1819" spans="2:3" x14ac:dyDescent="0.25">
      <c r="B1819" s="21">
        <v>41995</v>
      </c>
      <c r="C1819" s="6">
        <v>10777515</v>
      </c>
    </row>
    <row r="1820" spans="2:3" x14ac:dyDescent="0.25">
      <c r="B1820" s="21">
        <v>41996</v>
      </c>
      <c r="C1820" s="6">
        <v>10189115</v>
      </c>
    </row>
    <row r="1821" spans="2:3" x14ac:dyDescent="0.25">
      <c r="B1821" s="21">
        <v>41997</v>
      </c>
      <c r="C1821" s="6">
        <v>8685853</v>
      </c>
    </row>
    <row r="1822" spans="2:3" x14ac:dyDescent="0.25">
      <c r="B1822" s="21">
        <v>41998</v>
      </c>
      <c r="C1822" s="6">
        <v>8429773</v>
      </c>
    </row>
    <row r="1823" spans="2:3" x14ac:dyDescent="0.25">
      <c r="B1823" s="21">
        <v>41999</v>
      </c>
      <c r="C1823" s="6">
        <v>9189165</v>
      </c>
    </row>
    <row r="1824" spans="2:3" x14ac:dyDescent="0.25">
      <c r="B1824" s="21">
        <v>42000</v>
      </c>
      <c r="C1824" s="6">
        <v>9858181</v>
      </c>
    </row>
    <row r="1825" spans="2:3" x14ac:dyDescent="0.25">
      <c r="B1825" s="21">
        <v>42001</v>
      </c>
      <c r="C1825" s="6">
        <v>10330771</v>
      </c>
    </row>
    <row r="1826" spans="2:3" x14ac:dyDescent="0.25">
      <c r="B1826" s="21">
        <v>42002</v>
      </c>
      <c r="C1826" s="6">
        <v>11209188</v>
      </c>
    </row>
    <row r="1827" spans="2:3" x14ac:dyDescent="0.25">
      <c r="B1827" s="21">
        <v>42003</v>
      </c>
      <c r="C1827" s="6">
        <v>11207728</v>
      </c>
    </row>
    <row r="1828" spans="2:3" x14ac:dyDescent="0.25">
      <c r="B1828" s="21">
        <v>42004</v>
      </c>
      <c r="C1828" s="6">
        <v>10637351</v>
      </c>
    </row>
    <row r="1829" spans="2:3" x14ac:dyDescent="0.25">
      <c r="B1829" s="21">
        <v>42005</v>
      </c>
      <c r="C1829" s="6">
        <v>10085398</v>
      </c>
    </row>
    <row r="1830" spans="2:3" x14ac:dyDescent="0.25">
      <c r="B1830" s="21">
        <v>42006</v>
      </c>
      <c r="C1830" s="6">
        <v>11157323</v>
      </c>
    </row>
    <row r="1831" spans="2:3" x14ac:dyDescent="0.25">
      <c r="B1831" s="21">
        <v>42007</v>
      </c>
      <c r="C1831" s="6">
        <v>10827593</v>
      </c>
    </row>
    <row r="1832" spans="2:3" x14ac:dyDescent="0.25">
      <c r="B1832" s="21">
        <v>42008</v>
      </c>
      <c r="C1832" s="6">
        <v>11041496</v>
      </c>
    </row>
    <row r="1833" spans="2:3" x14ac:dyDescent="0.25">
      <c r="B1833" s="21">
        <v>42009</v>
      </c>
      <c r="C1833" s="6">
        <v>13324894</v>
      </c>
    </row>
    <row r="1834" spans="2:3" x14ac:dyDescent="0.25">
      <c r="B1834" s="21">
        <v>42010</v>
      </c>
      <c r="C1834" s="6">
        <v>13566251</v>
      </c>
    </row>
    <row r="1835" spans="2:3" x14ac:dyDescent="0.25">
      <c r="B1835" s="21">
        <v>42011</v>
      </c>
      <c r="C1835" s="6">
        <v>13989590</v>
      </c>
    </row>
    <row r="1836" spans="2:3" x14ac:dyDescent="0.25">
      <c r="B1836" s="21">
        <v>42012</v>
      </c>
      <c r="C1836" s="6">
        <v>13899068</v>
      </c>
    </row>
    <row r="1837" spans="2:3" x14ac:dyDescent="0.25">
      <c r="B1837" s="21">
        <v>42013</v>
      </c>
      <c r="C1837" s="6">
        <v>13354218</v>
      </c>
    </row>
    <row r="1838" spans="2:3" x14ac:dyDescent="0.25">
      <c r="B1838" s="21">
        <v>42014</v>
      </c>
      <c r="C1838" s="6">
        <v>11186164</v>
      </c>
    </row>
    <row r="1839" spans="2:3" x14ac:dyDescent="0.25">
      <c r="B1839" s="21">
        <v>42015</v>
      </c>
      <c r="C1839" s="6">
        <v>11186039</v>
      </c>
    </row>
    <row r="1840" spans="2:3" x14ac:dyDescent="0.25">
      <c r="B1840" s="21">
        <v>42016</v>
      </c>
      <c r="C1840" s="6">
        <v>13289819</v>
      </c>
    </row>
    <row r="1841" spans="2:3" x14ac:dyDescent="0.25">
      <c r="B1841" s="21">
        <v>42017</v>
      </c>
      <c r="C1841" s="6">
        <v>13096568</v>
      </c>
    </row>
    <row r="1842" spans="2:3" x14ac:dyDescent="0.25">
      <c r="B1842" s="21">
        <v>42018</v>
      </c>
      <c r="C1842" s="6">
        <v>13299822</v>
      </c>
    </row>
    <row r="1843" spans="2:3" x14ac:dyDescent="0.25">
      <c r="B1843" s="21">
        <v>42019</v>
      </c>
      <c r="C1843" s="6">
        <v>13380478</v>
      </c>
    </row>
    <row r="1844" spans="2:3" x14ac:dyDescent="0.25">
      <c r="B1844" s="21">
        <v>42020</v>
      </c>
      <c r="C1844" s="6">
        <v>13202037</v>
      </c>
    </row>
    <row r="1845" spans="2:3" x14ac:dyDescent="0.25">
      <c r="B1845" s="21">
        <v>42021</v>
      </c>
      <c r="C1845" s="6">
        <v>11560715</v>
      </c>
    </row>
    <row r="1846" spans="2:3" x14ac:dyDescent="0.25">
      <c r="B1846" s="21">
        <v>42022</v>
      </c>
      <c r="C1846" s="6">
        <v>11421574</v>
      </c>
    </row>
    <row r="1847" spans="2:3" x14ac:dyDescent="0.25">
      <c r="B1847" s="21">
        <v>42023</v>
      </c>
      <c r="C1847" s="6">
        <v>13435026</v>
      </c>
    </row>
    <row r="1848" spans="2:3" x14ac:dyDescent="0.25">
      <c r="B1848" s="21">
        <v>42024</v>
      </c>
      <c r="C1848" s="6">
        <v>13558540</v>
      </c>
    </row>
    <row r="1849" spans="2:3" x14ac:dyDescent="0.25">
      <c r="B1849" s="21">
        <v>42025</v>
      </c>
      <c r="C1849" s="6">
        <v>13594010</v>
      </c>
    </row>
    <row r="1850" spans="2:3" x14ac:dyDescent="0.25">
      <c r="B1850" s="21">
        <v>42026</v>
      </c>
      <c r="C1850" s="6">
        <v>13544442</v>
      </c>
    </row>
    <row r="1851" spans="2:3" x14ac:dyDescent="0.25">
      <c r="B1851" s="21">
        <v>42027</v>
      </c>
      <c r="C1851" s="6">
        <v>13452428</v>
      </c>
    </row>
    <row r="1852" spans="2:3" x14ac:dyDescent="0.25">
      <c r="B1852" s="21">
        <v>42028</v>
      </c>
      <c r="C1852" s="6">
        <v>11954998</v>
      </c>
    </row>
    <row r="1853" spans="2:3" x14ac:dyDescent="0.25">
      <c r="B1853" s="21">
        <v>42029</v>
      </c>
      <c r="C1853" s="6">
        <v>11828170</v>
      </c>
    </row>
    <row r="1854" spans="2:3" x14ac:dyDescent="0.25">
      <c r="B1854" s="21">
        <v>42030</v>
      </c>
      <c r="C1854" s="6">
        <v>13679368</v>
      </c>
    </row>
    <row r="1855" spans="2:3" x14ac:dyDescent="0.25">
      <c r="B1855" s="21">
        <v>42031</v>
      </c>
      <c r="C1855" s="6">
        <v>13870382</v>
      </c>
    </row>
    <row r="1856" spans="2:3" x14ac:dyDescent="0.25">
      <c r="B1856" s="21">
        <v>42032</v>
      </c>
      <c r="C1856" s="6">
        <v>13695157</v>
      </c>
    </row>
    <row r="1857" spans="2:3" x14ac:dyDescent="0.25">
      <c r="B1857" s="21">
        <v>42033</v>
      </c>
      <c r="C1857" s="6">
        <v>13596741</v>
      </c>
    </row>
    <row r="1858" spans="2:3" x14ac:dyDescent="0.25">
      <c r="B1858" s="21">
        <v>42034</v>
      </c>
      <c r="C1858" s="6">
        <v>13505637</v>
      </c>
    </row>
    <row r="1859" spans="2:3" x14ac:dyDescent="0.25">
      <c r="B1859" s="21">
        <v>42035</v>
      </c>
      <c r="C1859" s="6">
        <v>11932633</v>
      </c>
    </row>
    <row r="1860" spans="2:3" x14ac:dyDescent="0.25">
      <c r="B1860" s="21">
        <v>42036</v>
      </c>
      <c r="C1860" s="6">
        <v>11685475</v>
      </c>
    </row>
    <row r="1861" spans="2:3" x14ac:dyDescent="0.25">
      <c r="B1861" s="21">
        <v>42037</v>
      </c>
      <c r="C1861" s="6">
        <v>13664209</v>
      </c>
    </row>
    <row r="1862" spans="2:3" x14ac:dyDescent="0.25">
      <c r="B1862" s="21">
        <v>42038</v>
      </c>
      <c r="C1862" s="6">
        <v>13893214</v>
      </c>
    </row>
    <row r="1863" spans="2:3" x14ac:dyDescent="0.25">
      <c r="B1863" s="21">
        <v>42039</v>
      </c>
      <c r="C1863" s="6">
        <v>14060117</v>
      </c>
    </row>
    <row r="1864" spans="2:3" x14ac:dyDescent="0.25">
      <c r="B1864" s="21">
        <v>42040</v>
      </c>
      <c r="C1864" s="6">
        <v>14113809</v>
      </c>
    </row>
    <row r="1865" spans="2:3" x14ac:dyDescent="0.25">
      <c r="B1865" s="21">
        <v>42041</v>
      </c>
      <c r="C1865" s="6">
        <v>14006215</v>
      </c>
    </row>
    <row r="1866" spans="2:3" x14ac:dyDescent="0.25">
      <c r="B1866" s="21">
        <v>42042</v>
      </c>
      <c r="C1866" s="6">
        <v>12307220</v>
      </c>
    </row>
    <row r="1867" spans="2:3" x14ac:dyDescent="0.25">
      <c r="B1867" s="21">
        <v>42043</v>
      </c>
      <c r="C1867" s="6">
        <v>12023504</v>
      </c>
    </row>
    <row r="1868" spans="2:3" x14ac:dyDescent="0.25">
      <c r="B1868" s="21">
        <v>42044</v>
      </c>
      <c r="C1868" s="6">
        <v>14057593</v>
      </c>
    </row>
    <row r="1869" spans="2:3" x14ac:dyDescent="0.25">
      <c r="B1869" s="21">
        <v>42045</v>
      </c>
      <c r="C1869" s="6">
        <v>13842683</v>
      </c>
    </row>
    <row r="1870" spans="2:3" x14ac:dyDescent="0.25">
      <c r="B1870" s="21">
        <v>42046</v>
      </c>
      <c r="C1870" s="6">
        <v>13603886</v>
      </c>
    </row>
    <row r="1871" spans="2:3" x14ac:dyDescent="0.25">
      <c r="B1871" s="21">
        <v>42047</v>
      </c>
      <c r="C1871" s="6">
        <v>13613417</v>
      </c>
    </row>
    <row r="1872" spans="2:3" x14ac:dyDescent="0.25">
      <c r="B1872" s="21">
        <v>42048</v>
      </c>
      <c r="C1872" s="6">
        <v>13518828</v>
      </c>
    </row>
    <row r="1873" spans="2:3" x14ac:dyDescent="0.25">
      <c r="B1873" s="21">
        <v>42049</v>
      </c>
      <c r="C1873" s="6">
        <v>11929782</v>
      </c>
    </row>
    <row r="1874" spans="2:3" x14ac:dyDescent="0.25">
      <c r="B1874" s="21">
        <v>42050</v>
      </c>
      <c r="C1874" s="6">
        <v>11496065</v>
      </c>
    </row>
    <row r="1875" spans="2:3" x14ac:dyDescent="0.25">
      <c r="B1875" s="21">
        <v>42051</v>
      </c>
      <c r="C1875" s="6">
        <v>13330694</v>
      </c>
    </row>
    <row r="1876" spans="2:3" x14ac:dyDescent="0.25">
      <c r="B1876" s="21">
        <v>42052</v>
      </c>
      <c r="C1876" s="6">
        <v>13584481</v>
      </c>
    </row>
    <row r="1877" spans="2:3" x14ac:dyDescent="0.25">
      <c r="B1877" s="21">
        <v>42053</v>
      </c>
      <c r="C1877" s="6">
        <v>13794859</v>
      </c>
    </row>
    <row r="1878" spans="2:3" x14ac:dyDescent="0.25">
      <c r="B1878" s="21">
        <v>42054</v>
      </c>
      <c r="C1878" s="6">
        <v>13617554</v>
      </c>
    </row>
    <row r="1879" spans="2:3" x14ac:dyDescent="0.25">
      <c r="B1879" s="21">
        <v>42055</v>
      </c>
      <c r="C1879" s="6">
        <v>13360242</v>
      </c>
    </row>
    <row r="1880" spans="2:3" x14ac:dyDescent="0.25">
      <c r="B1880" s="21">
        <v>42056</v>
      </c>
      <c r="C1880" s="6">
        <v>11635291</v>
      </c>
    </row>
    <row r="1881" spans="2:3" x14ac:dyDescent="0.25">
      <c r="B1881" s="21">
        <v>42057</v>
      </c>
      <c r="C1881" s="6">
        <v>11301191</v>
      </c>
    </row>
    <row r="1882" spans="2:3" x14ac:dyDescent="0.25">
      <c r="B1882" s="21">
        <v>42058</v>
      </c>
      <c r="C1882" s="6">
        <v>13165143</v>
      </c>
    </row>
    <row r="1883" spans="2:3" x14ac:dyDescent="0.25">
      <c r="B1883" s="21">
        <v>42059</v>
      </c>
      <c r="C1883" s="6">
        <v>13220499</v>
      </c>
    </row>
    <row r="1884" spans="2:3" x14ac:dyDescent="0.25">
      <c r="B1884" s="21">
        <v>42060</v>
      </c>
      <c r="C1884" s="6">
        <v>13246815</v>
      </c>
    </row>
    <row r="1885" spans="2:3" x14ac:dyDescent="0.25">
      <c r="B1885" s="21">
        <v>42061</v>
      </c>
      <c r="C1885" s="6">
        <v>13251682</v>
      </c>
    </row>
    <row r="1886" spans="2:3" x14ac:dyDescent="0.25">
      <c r="B1886" s="21">
        <v>42062</v>
      </c>
      <c r="C1886" s="6">
        <v>13057571</v>
      </c>
    </row>
    <row r="1887" spans="2:3" x14ac:dyDescent="0.25">
      <c r="B1887" s="21">
        <v>42063</v>
      </c>
      <c r="C1887" s="6">
        <v>11435582</v>
      </c>
    </row>
    <row r="1888" spans="2:3" x14ac:dyDescent="0.25">
      <c r="B1888" s="21">
        <v>42064</v>
      </c>
      <c r="C1888" s="6">
        <v>11216815</v>
      </c>
    </row>
    <row r="1889" spans="2:3" x14ac:dyDescent="0.25">
      <c r="B1889" s="21">
        <v>42065</v>
      </c>
      <c r="C1889" s="6">
        <v>13005717</v>
      </c>
    </row>
    <row r="1890" spans="2:3" x14ac:dyDescent="0.25">
      <c r="B1890" s="21">
        <v>42066</v>
      </c>
      <c r="C1890" s="6">
        <v>13059447</v>
      </c>
    </row>
    <row r="1891" spans="2:3" x14ac:dyDescent="0.25">
      <c r="B1891" s="21">
        <v>42067</v>
      </c>
      <c r="C1891" s="6">
        <v>13157595</v>
      </c>
    </row>
    <row r="1892" spans="2:3" x14ac:dyDescent="0.25">
      <c r="B1892" s="21">
        <v>42068</v>
      </c>
      <c r="C1892" s="6">
        <v>13377088</v>
      </c>
    </row>
    <row r="1893" spans="2:3" x14ac:dyDescent="0.25">
      <c r="B1893" s="21">
        <v>42069</v>
      </c>
      <c r="C1893" s="6">
        <v>13083522</v>
      </c>
    </row>
    <row r="1894" spans="2:3" x14ac:dyDescent="0.25">
      <c r="B1894" s="21">
        <v>42070</v>
      </c>
      <c r="C1894" s="6">
        <v>11194775</v>
      </c>
    </row>
    <row r="1895" spans="2:3" x14ac:dyDescent="0.25">
      <c r="B1895" s="21">
        <v>42071</v>
      </c>
      <c r="C1895" s="6">
        <v>10915049</v>
      </c>
    </row>
    <row r="1896" spans="2:3" x14ac:dyDescent="0.25">
      <c r="B1896" s="21">
        <v>42072</v>
      </c>
      <c r="C1896" s="6">
        <v>12776297</v>
      </c>
    </row>
    <row r="1897" spans="2:3" x14ac:dyDescent="0.25">
      <c r="B1897" s="21">
        <v>42073</v>
      </c>
      <c r="C1897" s="6">
        <v>12822567</v>
      </c>
    </row>
    <row r="1898" spans="2:3" x14ac:dyDescent="0.25">
      <c r="B1898" s="21">
        <v>42074</v>
      </c>
      <c r="C1898" s="6">
        <v>13125319</v>
      </c>
    </row>
    <row r="1899" spans="2:3" x14ac:dyDescent="0.25">
      <c r="B1899" s="21">
        <v>42075</v>
      </c>
      <c r="C1899" s="6">
        <v>13130558</v>
      </c>
    </row>
    <row r="1900" spans="2:3" x14ac:dyDescent="0.25">
      <c r="B1900" s="21">
        <v>42076</v>
      </c>
      <c r="C1900" s="6">
        <v>13027211</v>
      </c>
    </row>
    <row r="1901" spans="2:3" x14ac:dyDescent="0.25">
      <c r="B1901" s="21">
        <v>42077</v>
      </c>
      <c r="C1901" s="6">
        <v>11389663</v>
      </c>
    </row>
    <row r="1902" spans="2:3" x14ac:dyDescent="0.25">
      <c r="B1902" s="21">
        <v>42078</v>
      </c>
      <c r="C1902" s="6">
        <v>11050225</v>
      </c>
    </row>
    <row r="1903" spans="2:3" x14ac:dyDescent="0.25">
      <c r="B1903" s="21">
        <v>42079</v>
      </c>
      <c r="C1903" s="6">
        <v>12722259</v>
      </c>
    </row>
    <row r="1904" spans="2:3" x14ac:dyDescent="0.25">
      <c r="B1904" s="21">
        <v>42080</v>
      </c>
      <c r="C1904" s="6">
        <v>12631457</v>
      </c>
    </row>
    <row r="1905" spans="2:3" x14ac:dyDescent="0.25">
      <c r="B1905" s="21">
        <v>42081</v>
      </c>
      <c r="C1905" s="6">
        <v>12662576</v>
      </c>
    </row>
    <row r="1906" spans="2:3" x14ac:dyDescent="0.25">
      <c r="B1906" s="21">
        <v>42082</v>
      </c>
      <c r="C1906" s="6">
        <v>12630172</v>
      </c>
    </row>
    <row r="1907" spans="2:3" x14ac:dyDescent="0.25">
      <c r="B1907" s="21">
        <v>42083</v>
      </c>
      <c r="C1907" s="6">
        <v>12477533</v>
      </c>
    </row>
    <row r="1908" spans="2:3" x14ac:dyDescent="0.25">
      <c r="B1908" s="21">
        <v>42084</v>
      </c>
      <c r="C1908" s="6">
        <v>10930956</v>
      </c>
    </row>
    <row r="1909" spans="2:3" x14ac:dyDescent="0.25">
      <c r="B1909" s="21">
        <v>42085</v>
      </c>
      <c r="C1909" s="6">
        <v>10962266</v>
      </c>
    </row>
    <row r="1910" spans="2:3" x14ac:dyDescent="0.25">
      <c r="B1910" s="21">
        <v>42086</v>
      </c>
      <c r="C1910" s="6">
        <v>12673198</v>
      </c>
    </row>
    <row r="1911" spans="2:3" x14ac:dyDescent="0.25">
      <c r="B1911" s="21">
        <v>42087</v>
      </c>
      <c r="C1911" s="6">
        <v>12654459</v>
      </c>
    </row>
    <row r="1912" spans="2:3" x14ac:dyDescent="0.25">
      <c r="B1912" s="21">
        <v>42088</v>
      </c>
      <c r="C1912" s="6">
        <v>12534461</v>
      </c>
    </row>
    <row r="1913" spans="2:3" x14ac:dyDescent="0.25">
      <c r="B1913" s="21">
        <v>42089</v>
      </c>
      <c r="C1913" s="6">
        <v>12480703</v>
      </c>
    </row>
    <row r="1914" spans="2:3" x14ac:dyDescent="0.25">
      <c r="B1914" s="21">
        <v>42090</v>
      </c>
      <c r="C1914" s="6">
        <v>12380569</v>
      </c>
    </row>
    <row r="1915" spans="2:3" x14ac:dyDescent="0.25">
      <c r="B1915" s="21">
        <v>42091</v>
      </c>
      <c r="C1915" s="6">
        <v>10890378</v>
      </c>
    </row>
    <row r="1916" spans="2:3" x14ac:dyDescent="0.25">
      <c r="B1916" s="21">
        <v>42092</v>
      </c>
      <c r="C1916" s="6">
        <v>10081863</v>
      </c>
    </row>
    <row r="1917" spans="2:3" x14ac:dyDescent="0.25">
      <c r="B1917" s="21">
        <v>42093</v>
      </c>
      <c r="C1917" s="6">
        <v>12313038</v>
      </c>
    </row>
    <row r="1918" spans="2:3" x14ac:dyDescent="0.25">
      <c r="B1918" s="21">
        <v>42094</v>
      </c>
      <c r="C1918" s="6">
        <v>12615914</v>
      </c>
    </row>
    <row r="1919" spans="2:3" x14ac:dyDescent="0.25">
      <c r="B1919" s="21">
        <v>42095</v>
      </c>
      <c r="C1919" s="6">
        <v>12650035</v>
      </c>
    </row>
    <row r="1920" spans="2:3" x14ac:dyDescent="0.25">
      <c r="B1920" s="21">
        <v>42096</v>
      </c>
      <c r="C1920" s="6">
        <v>12950680</v>
      </c>
    </row>
    <row r="1921" spans="2:3" x14ac:dyDescent="0.25">
      <c r="B1921" s="21">
        <v>42097</v>
      </c>
      <c r="C1921" s="6">
        <v>12616036</v>
      </c>
    </row>
    <row r="1922" spans="2:3" x14ac:dyDescent="0.25">
      <c r="B1922" s="21">
        <v>42098</v>
      </c>
      <c r="C1922" s="6">
        <v>10884406</v>
      </c>
    </row>
    <row r="1923" spans="2:3" x14ac:dyDescent="0.25">
      <c r="B1923" s="21">
        <v>42099</v>
      </c>
      <c r="C1923" s="6">
        <v>10474133</v>
      </c>
    </row>
    <row r="1924" spans="2:3" x14ac:dyDescent="0.25">
      <c r="B1924" s="21">
        <v>42100</v>
      </c>
      <c r="C1924" s="6">
        <v>10291503</v>
      </c>
    </row>
    <row r="1925" spans="2:3" x14ac:dyDescent="0.25">
      <c r="B1925" s="21">
        <v>42101</v>
      </c>
      <c r="C1925" s="6">
        <v>12360835</v>
      </c>
    </row>
    <row r="1926" spans="2:3" x14ac:dyDescent="0.25">
      <c r="B1926" s="21">
        <v>42102</v>
      </c>
      <c r="C1926" s="6">
        <v>12738867</v>
      </c>
    </row>
    <row r="1927" spans="2:3" x14ac:dyDescent="0.25">
      <c r="B1927" s="21">
        <v>42103</v>
      </c>
      <c r="C1927" s="6">
        <v>12344738</v>
      </c>
    </row>
    <row r="1928" spans="2:3" x14ac:dyDescent="0.25">
      <c r="B1928" s="21">
        <v>42104</v>
      </c>
      <c r="C1928" s="6">
        <v>11933277</v>
      </c>
    </row>
    <row r="1929" spans="2:3" x14ac:dyDescent="0.25">
      <c r="B1929" s="21">
        <v>42105</v>
      </c>
      <c r="C1929" s="6">
        <v>10050631</v>
      </c>
    </row>
    <row r="1930" spans="2:3" x14ac:dyDescent="0.25">
      <c r="B1930" s="21">
        <v>42106</v>
      </c>
      <c r="C1930" s="6">
        <v>9772596</v>
      </c>
    </row>
    <row r="1931" spans="2:3" x14ac:dyDescent="0.25">
      <c r="B1931" s="21">
        <v>42107</v>
      </c>
      <c r="C1931" s="6">
        <v>11693004</v>
      </c>
    </row>
    <row r="1932" spans="2:3" x14ac:dyDescent="0.25">
      <c r="B1932" s="21">
        <v>42108</v>
      </c>
      <c r="C1932" s="6">
        <v>11853788</v>
      </c>
    </row>
    <row r="1933" spans="2:3" x14ac:dyDescent="0.25">
      <c r="B1933" s="21">
        <v>42109</v>
      </c>
      <c r="C1933" s="6">
        <v>11705608</v>
      </c>
    </row>
    <row r="1934" spans="2:3" x14ac:dyDescent="0.25">
      <c r="B1934" s="21">
        <v>42110</v>
      </c>
      <c r="C1934" s="6">
        <v>11625883</v>
      </c>
    </row>
    <row r="1935" spans="2:3" x14ac:dyDescent="0.25">
      <c r="B1935" s="21">
        <v>42111</v>
      </c>
      <c r="C1935" s="6">
        <v>11646526</v>
      </c>
    </row>
    <row r="1936" spans="2:3" x14ac:dyDescent="0.25">
      <c r="B1936" s="21">
        <v>42112</v>
      </c>
      <c r="C1936" s="6">
        <v>10182278</v>
      </c>
    </row>
    <row r="1937" spans="2:3" x14ac:dyDescent="0.25">
      <c r="B1937" s="21">
        <v>42113</v>
      </c>
      <c r="C1937" s="6">
        <v>9870669</v>
      </c>
    </row>
    <row r="1938" spans="2:3" x14ac:dyDescent="0.25">
      <c r="B1938" s="21">
        <v>42114</v>
      </c>
      <c r="C1938" s="6">
        <v>11609378</v>
      </c>
    </row>
    <row r="1939" spans="2:3" x14ac:dyDescent="0.25">
      <c r="B1939" s="21">
        <v>42115</v>
      </c>
      <c r="C1939" s="6">
        <v>11662249</v>
      </c>
    </row>
    <row r="1940" spans="2:3" x14ac:dyDescent="0.25">
      <c r="B1940" s="21">
        <v>42116</v>
      </c>
      <c r="C1940" s="6">
        <v>11699981</v>
      </c>
    </row>
    <row r="1941" spans="2:3" x14ac:dyDescent="0.25">
      <c r="B1941" s="21">
        <v>42117</v>
      </c>
      <c r="C1941" s="6">
        <v>11677206</v>
      </c>
    </row>
    <row r="1942" spans="2:3" x14ac:dyDescent="0.25">
      <c r="B1942" s="21">
        <v>42118</v>
      </c>
      <c r="C1942" s="6">
        <v>11365765</v>
      </c>
    </row>
    <row r="1943" spans="2:3" x14ac:dyDescent="0.25">
      <c r="B1943" s="21">
        <v>42119</v>
      </c>
      <c r="C1943" s="6">
        <v>9638354</v>
      </c>
    </row>
    <row r="1944" spans="2:3" x14ac:dyDescent="0.25">
      <c r="B1944" s="21">
        <v>42120</v>
      </c>
      <c r="C1944" s="6">
        <v>9547345</v>
      </c>
    </row>
    <row r="1945" spans="2:3" x14ac:dyDescent="0.25">
      <c r="B1945" s="21">
        <v>42121</v>
      </c>
      <c r="C1945" s="6">
        <v>11210558</v>
      </c>
    </row>
    <row r="1946" spans="2:3" x14ac:dyDescent="0.25">
      <c r="B1946" s="21">
        <v>42122</v>
      </c>
      <c r="C1946" s="6">
        <v>11790659</v>
      </c>
    </row>
    <row r="1947" spans="2:3" x14ac:dyDescent="0.25">
      <c r="B1947" s="21">
        <v>42123</v>
      </c>
      <c r="C1947" s="6">
        <v>11653076</v>
      </c>
    </row>
    <row r="1948" spans="2:3" x14ac:dyDescent="0.25">
      <c r="B1948" s="21">
        <v>42124</v>
      </c>
      <c r="C1948" s="6">
        <v>11350896</v>
      </c>
    </row>
    <row r="1949" spans="2:3" x14ac:dyDescent="0.25">
      <c r="B1949" s="21">
        <v>42125</v>
      </c>
      <c r="C1949" s="6">
        <v>9906226</v>
      </c>
    </row>
    <row r="1950" spans="2:3" x14ac:dyDescent="0.25">
      <c r="B1950" s="21">
        <v>42126</v>
      </c>
      <c r="C1950" s="6">
        <v>9583741</v>
      </c>
    </row>
    <row r="1951" spans="2:3" x14ac:dyDescent="0.25">
      <c r="B1951" s="21">
        <v>42127</v>
      </c>
      <c r="C1951" s="6">
        <v>9606971</v>
      </c>
    </row>
    <row r="1952" spans="2:3" x14ac:dyDescent="0.25">
      <c r="B1952" s="21">
        <v>42128</v>
      </c>
      <c r="C1952" s="6">
        <v>11339391</v>
      </c>
    </row>
    <row r="1953" spans="2:3" x14ac:dyDescent="0.25">
      <c r="B1953" s="21">
        <v>42129</v>
      </c>
      <c r="C1953" s="6">
        <v>11212476</v>
      </c>
    </row>
    <row r="1954" spans="2:3" x14ac:dyDescent="0.25">
      <c r="B1954" s="21">
        <v>42130</v>
      </c>
      <c r="C1954" s="6">
        <v>11543459</v>
      </c>
    </row>
    <row r="1955" spans="2:3" x14ac:dyDescent="0.25">
      <c r="B1955" s="21">
        <v>42131</v>
      </c>
      <c r="C1955" s="6">
        <v>11130298</v>
      </c>
    </row>
    <row r="1956" spans="2:3" x14ac:dyDescent="0.25">
      <c r="B1956" s="21">
        <v>42132</v>
      </c>
      <c r="C1956" s="6">
        <v>9655400</v>
      </c>
    </row>
    <row r="1957" spans="2:3" x14ac:dyDescent="0.25">
      <c r="B1957" s="21">
        <v>42133</v>
      </c>
      <c r="C1957" s="6">
        <v>9251695</v>
      </c>
    </row>
    <row r="1958" spans="2:3" x14ac:dyDescent="0.25">
      <c r="B1958" s="21">
        <v>42134</v>
      </c>
      <c r="C1958" s="6">
        <v>9226965</v>
      </c>
    </row>
    <row r="1959" spans="2:3" x14ac:dyDescent="0.25">
      <c r="B1959" s="21">
        <v>42135</v>
      </c>
      <c r="C1959" s="6">
        <v>11054434</v>
      </c>
    </row>
    <row r="1960" spans="2:3" x14ac:dyDescent="0.25">
      <c r="B1960" s="21">
        <v>42136</v>
      </c>
      <c r="C1960" s="6">
        <v>11097617</v>
      </c>
    </row>
    <row r="1961" spans="2:3" x14ac:dyDescent="0.25">
      <c r="B1961" s="21">
        <v>42137</v>
      </c>
      <c r="C1961" s="6">
        <v>11224439</v>
      </c>
    </row>
    <row r="1962" spans="2:3" x14ac:dyDescent="0.25">
      <c r="B1962" s="21">
        <v>42138</v>
      </c>
      <c r="C1962" s="6">
        <v>11184880</v>
      </c>
    </row>
    <row r="1963" spans="2:3" x14ac:dyDescent="0.25">
      <c r="B1963" s="21">
        <v>42139</v>
      </c>
      <c r="C1963" s="6">
        <v>10977542</v>
      </c>
    </row>
    <row r="1964" spans="2:3" x14ac:dyDescent="0.25">
      <c r="B1964" s="21">
        <v>42140</v>
      </c>
      <c r="C1964" s="6">
        <v>9501450</v>
      </c>
    </row>
    <row r="1965" spans="2:3" x14ac:dyDescent="0.25">
      <c r="B1965" s="21">
        <v>42141</v>
      </c>
      <c r="C1965" s="6">
        <v>9329170</v>
      </c>
    </row>
    <row r="1966" spans="2:3" x14ac:dyDescent="0.25">
      <c r="B1966" s="21">
        <v>42142</v>
      </c>
      <c r="C1966" s="6">
        <v>11064518</v>
      </c>
    </row>
    <row r="1967" spans="2:3" x14ac:dyDescent="0.25">
      <c r="B1967" s="21">
        <v>42143</v>
      </c>
      <c r="C1967" s="6">
        <v>11383039</v>
      </c>
    </row>
    <row r="1968" spans="2:3" x14ac:dyDescent="0.25">
      <c r="B1968" s="21">
        <v>42144</v>
      </c>
      <c r="C1968" s="6">
        <v>11561248</v>
      </c>
    </row>
    <row r="1969" spans="2:3" x14ac:dyDescent="0.25">
      <c r="B1969" s="21">
        <v>42145</v>
      </c>
      <c r="C1969" s="6">
        <v>11517500</v>
      </c>
    </row>
    <row r="1970" spans="2:3" x14ac:dyDescent="0.25">
      <c r="B1970" s="21">
        <v>42146</v>
      </c>
      <c r="C1970" s="6">
        <v>11195892</v>
      </c>
    </row>
    <row r="1971" spans="2:3" x14ac:dyDescent="0.25">
      <c r="B1971" s="21">
        <v>42147</v>
      </c>
      <c r="C1971" s="6">
        <v>9689001</v>
      </c>
    </row>
    <row r="1972" spans="2:3" x14ac:dyDescent="0.25">
      <c r="B1972" s="21">
        <v>42148</v>
      </c>
      <c r="C1972" s="6">
        <v>9427289</v>
      </c>
    </row>
    <row r="1973" spans="2:3" x14ac:dyDescent="0.25">
      <c r="B1973" s="21">
        <v>42149</v>
      </c>
      <c r="C1973" s="6">
        <v>11146986</v>
      </c>
    </row>
    <row r="1974" spans="2:3" x14ac:dyDescent="0.25">
      <c r="B1974" s="21">
        <v>42150</v>
      </c>
      <c r="C1974" s="6">
        <v>11491763</v>
      </c>
    </row>
    <row r="1975" spans="2:3" x14ac:dyDescent="0.25">
      <c r="B1975" s="21">
        <v>42151</v>
      </c>
      <c r="C1975" s="6">
        <v>11512512</v>
      </c>
    </row>
    <row r="1976" spans="2:3" x14ac:dyDescent="0.25">
      <c r="B1976" s="21">
        <v>42152</v>
      </c>
      <c r="C1976" s="6">
        <v>11322899</v>
      </c>
    </row>
    <row r="1977" spans="2:3" x14ac:dyDescent="0.25">
      <c r="B1977" s="21">
        <v>42153</v>
      </c>
      <c r="C1977" s="6">
        <v>11021647</v>
      </c>
    </row>
    <row r="1978" spans="2:3" x14ac:dyDescent="0.25">
      <c r="B1978" s="21">
        <v>42154</v>
      </c>
      <c r="C1978" s="6">
        <v>9289100</v>
      </c>
    </row>
    <row r="1979" spans="2:3" x14ac:dyDescent="0.25">
      <c r="B1979" s="21">
        <v>42155</v>
      </c>
      <c r="C1979" s="6">
        <v>9036986</v>
      </c>
    </row>
    <row r="1980" spans="2:3" x14ac:dyDescent="0.25">
      <c r="B1980" s="21">
        <v>42156</v>
      </c>
      <c r="C1980" s="6">
        <v>10860913</v>
      </c>
    </row>
    <row r="1981" spans="2:3" x14ac:dyDescent="0.25">
      <c r="B1981" s="21">
        <v>42157</v>
      </c>
      <c r="C1981" s="6">
        <v>11102817</v>
      </c>
    </row>
    <row r="1982" spans="2:3" x14ac:dyDescent="0.25">
      <c r="B1982" s="21">
        <v>42158</v>
      </c>
      <c r="C1982" s="6">
        <v>11314807</v>
      </c>
    </row>
    <row r="1983" spans="2:3" x14ac:dyDescent="0.25">
      <c r="B1983" s="21">
        <v>42159</v>
      </c>
      <c r="C1983" s="6">
        <v>11167565</v>
      </c>
    </row>
    <row r="1984" spans="2:3" x14ac:dyDescent="0.25">
      <c r="B1984" s="21">
        <v>42160</v>
      </c>
      <c r="C1984" s="6">
        <v>10965999</v>
      </c>
    </row>
    <row r="1985" spans="2:3" x14ac:dyDescent="0.25">
      <c r="B1985" s="21">
        <v>42161</v>
      </c>
      <c r="C1985" s="6">
        <v>9276702</v>
      </c>
    </row>
    <row r="1986" spans="2:3" x14ac:dyDescent="0.25">
      <c r="B1986" s="21">
        <v>42162</v>
      </c>
      <c r="C1986" s="6">
        <v>9239585</v>
      </c>
    </row>
    <row r="1987" spans="2:3" x14ac:dyDescent="0.25">
      <c r="B1987" s="21">
        <v>42163</v>
      </c>
      <c r="C1987" s="6">
        <v>10943895</v>
      </c>
    </row>
    <row r="1988" spans="2:3" x14ac:dyDescent="0.25">
      <c r="B1988" s="21">
        <v>42164</v>
      </c>
      <c r="C1988" s="6">
        <v>11063377</v>
      </c>
    </row>
    <row r="1989" spans="2:3" x14ac:dyDescent="0.25">
      <c r="B1989" s="21">
        <v>42165</v>
      </c>
      <c r="C1989" s="6">
        <v>11090871</v>
      </c>
    </row>
    <row r="1990" spans="2:3" x14ac:dyDescent="0.25">
      <c r="B1990" s="21">
        <v>42166</v>
      </c>
      <c r="C1990" s="6">
        <v>11127601</v>
      </c>
    </row>
    <row r="1991" spans="2:3" x14ac:dyDescent="0.25">
      <c r="B1991" s="21">
        <v>42167</v>
      </c>
      <c r="C1991" s="6">
        <v>11080874</v>
      </c>
    </row>
    <row r="1992" spans="2:3" x14ac:dyDescent="0.25">
      <c r="B1992" s="21">
        <v>42168</v>
      </c>
      <c r="C1992" s="6">
        <v>9587336</v>
      </c>
    </row>
    <row r="1993" spans="2:3" x14ac:dyDescent="0.25">
      <c r="B1993" s="21">
        <v>42169</v>
      </c>
      <c r="C1993" s="6">
        <v>9251887</v>
      </c>
    </row>
    <row r="1994" spans="2:3" x14ac:dyDescent="0.25">
      <c r="B1994" s="21">
        <v>42170</v>
      </c>
      <c r="C1994" s="6">
        <v>10950198</v>
      </c>
    </row>
    <row r="1995" spans="2:3" x14ac:dyDescent="0.25">
      <c r="B1995" s="21">
        <v>42171</v>
      </c>
      <c r="C1995" s="6">
        <v>10993893</v>
      </c>
    </row>
    <row r="1996" spans="2:3" x14ac:dyDescent="0.25">
      <c r="B1996" s="21">
        <v>42172</v>
      </c>
      <c r="C1996" s="6">
        <v>10977201</v>
      </c>
    </row>
    <row r="1997" spans="2:3" x14ac:dyDescent="0.25">
      <c r="B1997" s="21">
        <v>42173</v>
      </c>
      <c r="C1997" s="6">
        <v>11100137</v>
      </c>
    </row>
    <row r="1998" spans="2:3" x14ac:dyDescent="0.25">
      <c r="B1998" s="21">
        <v>42174</v>
      </c>
      <c r="C1998" s="6">
        <v>10961292</v>
      </c>
    </row>
    <row r="1999" spans="2:3" x14ac:dyDescent="0.25">
      <c r="B1999" s="21">
        <v>42175</v>
      </c>
      <c r="C1999" s="6">
        <v>9253078</v>
      </c>
    </row>
    <row r="2000" spans="2:3" x14ac:dyDescent="0.25">
      <c r="B2000" s="21">
        <v>42176</v>
      </c>
      <c r="C2000" s="6">
        <v>9194807</v>
      </c>
    </row>
    <row r="2001" spans="2:3" x14ac:dyDescent="0.25">
      <c r="B2001" s="21">
        <v>42177</v>
      </c>
      <c r="C2001" s="6">
        <v>11058524</v>
      </c>
    </row>
    <row r="2002" spans="2:3" x14ac:dyDescent="0.25">
      <c r="B2002" s="21">
        <v>42178</v>
      </c>
      <c r="C2002" s="6">
        <v>11220530</v>
      </c>
    </row>
    <row r="2003" spans="2:3" x14ac:dyDescent="0.25">
      <c r="B2003" s="21">
        <v>42179</v>
      </c>
      <c r="C2003" s="6">
        <v>11123127</v>
      </c>
    </row>
    <row r="2004" spans="2:3" x14ac:dyDescent="0.25">
      <c r="B2004" s="21">
        <v>42180</v>
      </c>
      <c r="C2004" s="6">
        <v>10992865</v>
      </c>
    </row>
    <row r="2005" spans="2:3" x14ac:dyDescent="0.25">
      <c r="B2005" s="21">
        <v>42181</v>
      </c>
      <c r="C2005" s="6">
        <v>10844154</v>
      </c>
    </row>
    <row r="2006" spans="2:3" x14ac:dyDescent="0.25">
      <c r="B2006" s="21">
        <v>42182</v>
      </c>
      <c r="C2006" s="6">
        <v>9275342</v>
      </c>
    </row>
    <row r="2007" spans="2:3" x14ac:dyDescent="0.25">
      <c r="B2007" s="21">
        <v>42183</v>
      </c>
      <c r="C2007" s="6">
        <v>9123844</v>
      </c>
    </row>
    <row r="2008" spans="2:3" x14ac:dyDescent="0.25">
      <c r="B2008" s="21">
        <v>42184</v>
      </c>
      <c r="C2008" s="6">
        <v>10834550</v>
      </c>
    </row>
    <row r="2009" spans="2:3" x14ac:dyDescent="0.25">
      <c r="B2009" s="21">
        <v>42185</v>
      </c>
      <c r="C2009" s="6">
        <v>11095898</v>
      </c>
    </row>
    <row r="2010" spans="2:3" x14ac:dyDescent="0.25">
      <c r="B2010" s="21">
        <v>42186</v>
      </c>
      <c r="C2010" s="6">
        <v>11198858</v>
      </c>
    </row>
    <row r="2011" spans="2:3" x14ac:dyDescent="0.25">
      <c r="B2011" s="21">
        <v>42187</v>
      </c>
      <c r="C2011" s="6">
        <v>11262578</v>
      </c>
    </row>
    <row r="2012" spans="2:3" x14ac:dyDescent="0.25">
      <c r="B2012" s="21">
        <v>42188</v>
      </c>
      <c r="C2012" s="6">
        <v>11097486</v>
      </c>
    </row>
    <row r="2013" spans="2:3" x14ac:dyDescent="0.25">
      <c r="B2013" s="21">
        <v>42189</v>
      </c>
      <c r="C2013" s="6">
        <v>9473840</v>
      </c>
    </row>
    <row r="2014" spans="2:3" x14ac:dyDescent="0.25">
      <c r="B2014" s="21">
        <v>42190</v>
      </c>
      <c r="C2014" s="6">
        <v>9127775</v>
      </c>
    </row>
    <row r="2015" spans="2:3" x14ac:dyDescent="0.25">
      <c r="B2015" s="21">
        <v>42191</v>
      </c>
      <c r="C2015" s="6">
        <v>9431596</v>
      </c>
    </row>
    <row r="2016" spans="2:3" x14ac:dyDescent="0.25">
      <c r="B2016" s="21">
        <v>42192</v>
      </c>
      <c r="C2016" s="6">
        <v>11167437</v>
      </c>
    </row>
    <row r="2017" spans="2:3" x14ac:dyDescent="0.25">
      <c r="B2017" s="21">
        <v>42193</v>
      </c>
      <c r="C2017" s="6">
        <v>11331705</v>
      </c>
    </row>
    <row r="2018" spans="2:3" x14ac:dyDescent="0.25">
      <c r="B2018" s="21">
        <v>42194</v>
      </c>
      <c r="C2018" s="6">
        <v>11034162</v>
      </c>
    </row>
    <row r="2019" spans="2:3" x14ac:dyDescent="0.25">
      <c r="B2019" s="21">
        <v>42195</v>
      </c>
      <c r="C2019" s="6">
        <v>10593457</v>
      </c>
    </row>
    <row r="2020" spans="2:3" x14ac:dyDescent="0.25">
      <c r="B2020" s="21">
        <v>42196</v>
      </c>
      <c r="C2020" s="6">
        <v>9008851</v>
      </c>
    </row>
    <row r="2021" spans="2:3" x14ac:dyDescent="0.25">
      <c r="B2021" s="21">
        <v>42197</v>
      </c>
      <c r="C2021" s="6">
        <v>9114614</v>
      </c>
    </row>
    <row r="2022" spans="2:3" x14ac:dyDescent="0.25">
      <c r="B2022" s="21">
        <v>42198</v>
      </c>
      <c r="C2022" s="6">
        <v>10799932</v>
      </c>
    </row>
    <row r="2023" spans="2:3" x14ac:dyDescent="0.25">
      <c r="B2023" s="21">
        <v>42199</v>
      </c>
      <c r="C2023" s="6">
        <v>10972310</v>
      </c>
    </row>
    <row r="2024" spans="2:3" x14ac:dyDescent="0.25">
      <c r="B2024" s="21">
        <v>42200</v>
      </c>
      <c r="C2024" s="6">
        <v>10934335</v>
      </c>
    </row>
    <row r="2025" spans="2:3" x14ac:dyDescent="0.25">
      <c r="B2025" s="21">
        <v>42201</v>
      </c>
      <c r="C2025" s="6">
        <v>11055595</v>
      </c>
    </row>
    <row r="2026" spans="2:3" x14ac:dyDescent="0.25">
      <c r="B2026" s="21">
        <v>42202</v>
      </c>
      <c r="C2026" s="6">
        <v>11058424</v>
      </c>
    </row>
    <row r="2027" spans="2:3" x14ac:dyDescent="0.25">
      <c r="B2027" s="21">
        <v>42203</v>
      </c>
      <c r="C2027" s="6">
        <v>9530106</v>
      </c>
    </row>
    <row r="2028" spans="2:3" x14ac:dyDescent="0.25">
      <c r="B2028" s="21">
        <v>42204</v>
      </c>
      <c r="C2028" s="6">
        <v>9278735</v>
      </c>
    </row>
    <row r="2029" spans="2:3" x14ac:dyDescent="0.25">
      <c r="B2029" s="21">
        <v>42205</v>
      </c>
      <c r="C2029" s="6">
        <v>10906283</v>
      </c>
    </row>
    <row r="2030" spans="2:3" x14ac:dyDescent="0.25">
      <c r="B2030" s="21">
        <v>42206</v>
      </c>
      <c r="C2030" s="6">
        <v>11149897</v>
      </c>
    </row>
    <row r="2031" spans="2:3" x14ac:dyDescent="0.25">
      <c r="B2031" s="21">
        <v>42207</v>
      </c>
      <c r="C2031" s="6">
        <v>11243160</v>
      </c>
    </row>
    <row r="2032" spans="2:3" x14ac:dyDescent="0.25">
      <c r="B2032" s="21">
        <v>42208</v>
      </c>
      <c r="C2032" s="6">
        <v>11170577</v>
      </c>
    </row>
    <row r="2033" spans="2:3" x14ac:dyDescent="0.25">
      <c r="B2033" s="21">
        <v>42209</v>
      </c>
      <c r="C2033" s="6">
        <v>10926639</v>
      </c>
    </row>
    <row r="2034" spans="2:3" x14ac:dyDescent="0.25">
      <c r="B2034" s="21">
        <v>42210</v>
      </c>
      <c r="C2034" s="6">
        <v>9269779</v>
      </c>
    </row>
    <row r="2035" spans="2:3" x14ac:dyDescent="0.25">
      <c r="B2035" s="21">
        <v>42211</v>
      </c>
      <c r="C2035" s="6">
        <v>8739743</v>
      </c>
    </row>
    <row r="2036" spans="2:3" x14ac:dyDescent="0.25">
      <c r="B2036" s="21">
        <v>42212</v>
      </c>
      <c r="C2036" s="6">
        <v>10191295</v>
      </c>
    </row>
    <row r="2037" spans="2:3" x14ac:dyDescent="0.25">
      <c r="B2037" s="21">
        <v>42213</v>
      </c>
      <c r="C2037" s="6">
        <v>10275403</v>
      </c>
    </row>
    <row r="2038" spans="2:3" x14ac:dyDescent="0.25">
      <c r="B2038" s="21">
        <v>42214</v>
      </c>
      <c r="C2038" s="6">
        <v>10259382</v>
      </c>
    </row>
    <row r="2039" spans="2:3" x14ac:dyDescent="0.25">
      <c r="B2039" s="21">
        <v>42215</v>
      </c>
      <c r="C2039" s="6">
        <v>10208872</v>
      </c>
    </row>
    <row r="2040" spans="2:3" x14ac:dyDescent="0.25">
      <c r="B2040" s="21">
        <v>42216</v>
      </c>
      <c r="C2040" s="6">
        <v>10084582</v>
      </c>
    </row>
    <row r="2041" spans="2:3" x14ac:dyDescent="0.25">
      <c r="B2041" s="21">
        <v>42217</v>
      </c>
      <c r="C2041" s="6">
        <v>8866774</v>
      </c>
    </row>
    <row r="2042" spans="2:3" x14ac:dyDescent="0.25">
      <c r="B2042" s="21">
        <v>42218</v>
      </c>
      <c r="C2042" s="6">
        <v>8708280</v>
      </c>
    </row>
    <row r="2043" spans="2:3" x14ac:dyDescent="0.25">
      <c r="B2043" s="21">
        <v>42219</v>
      </c>
      <c r="C2043" s="6">
        <v>10084269</v>
      </c>
    </row>
    <row r="2044" spans="2:3" x14ac:dyDescent="0.25">
      <c r="B2044" s="21">
        <v>42220</v>
      </c>
      <c r="C2044" s="6">
        <v>10399473</v>
      </c>
    </row>
    <row r="2045" spans="2:3" x14ac:dyDescent="0.25">
      <c r="B2045" s="21">
        <v>42221</v>
      </c>
      <c r="C2045" s="6">
        <v>10457817</v>
      </c>
    </row>
    <row r="2046" spans="2:3" x14ac:dyDescent="0.25">
      <c r="B2046" s="21">
        <v>42222</v>
      </c>
      <c r="C2046" s="6">
        <v>10521926</v>
      </c>
    </row>
    <row r="2047" spans="2:3" x14ac:dyDescent="0.25">
      <c r="B2047" s="21">
        <v>42223</v>
      </c>
      <c r="C2047" s="6">
        <v>10382193</v>
      </c>
    </row>
    <row r="2048" spans="2:3" x14ac:dyDescent="0.25">
      <c r="B2048" s="21">
        <v>42224</v>
      </c>
      <c r="C2048" s="6">
        <v>9205604</v>
      </c>
    </row>
    <row r="2049" spans="2:3" x14ac:dyDescent="0.25">
      <c r="B2049" s="21">
        <v>42225</v>
      </c>
      <c r="C2049" s="6">
        <v>9084899</v>
      </c>
    </row>
    <row r="2050" spans="2:3" x14ac:dyDescent="0.25">
      <c r="B2050" s="21">
        <v>42226</v>
      </c>
      <c r="C2050" s="6">
        <v>10799978</v>
      </c>
    </row>
    <row r="2051" spans="2:3" x14ac:dyDescent="0.25">
      <c r="B2051" s="21">
        <v>42227</v>
      </c>
      <c r="C2051" s="6">
        <v>11030889</v>
      </c>
    </row>
    <row r="2052" spans="2:3" x14ac:dyDescent="0.25">
      <c r="B2052" s="21">
        <v>42228</v>
      </c>
      <c r="C2052" s="6">
        <v>11157671</v>
      </c>
    </row>
    <row r="2053" spans="2:3" x14ac:dyDescent="0.25">
      <c r="B2053" s="21">
        <v>42229</v>
      </c>
      <c r="C2053" s="6">
        <v>11003711</v>
      </c>
    </row>
    <row r="2054" spans="2:3" x14ac:dyDescent="0.25">
      <c r="B2054" s="21">
        <v>42230</v>
      </c>
      <c r="C2054" s="6">
        <v>10734739</v>
      </c>
    </row>
    <row r="2055" spans="2:3" x14ac:dyDescent="0.25">
      <c r="B2055" s="21">
        <v>42231</v>
      </c>
      <c r="C2055" s="6">
        <v>9062045</v>
      </c>
    </row>
    <row r="2056" spans="2:3" x14ac:dyDescent="0.25">
      <c r="B2056" s="21">
        <v>42232</v>
      </c>
      <c r="C2056" s="6">
        <v>9109702</v>
      </c>
    </row>
    <row r="2057" spans="2:3" x14ac:dyDescent="0.25">
      <c r="B2057" s="21">
        <v>42233</v>
      </c>
      <c r="C2057" s="6">
        <v>10928728</v>
      </c>
    </row>
    <row r="2058" spans="2:3" x14ac:dyDescent="0.25">
      <c r="B2058" s="21">
        <v>42234</v>
      </c>
      <c r="C2058" s="6">
        <v>10883495</v>
      </c>
    </row>
    <row r="2059" spans="2:3" x14ac:dyDescent="0.25">
      <c r="B2059" s="21">
        <v>42235</v>
      </c>
      <c r="C2059" s="6">
        <v>10875340</v>
      </c>
    </row>
    <row r="2060" spans="2:3" x14ac:dyDescent="0.25">
      <c r="B2060" s="21">
        <v>42236</v>
      </c>
      <c r="C2060" s="6">
        <v>10874954</v>
      </c>
    </row>
    <row r="2061" spans="2:3" x14ac:dyDescent="0.25">
      <c r="B2061" s="21">
        <v>42237</v>
      </c>
      <c r="C2061" s="6">
        <v>10713232</v>
      </c>
    </row>
    <row r="2062" spans="2:3" x14ac:dyDescent="0.25">
      <c r="B2062" s="21">
        <v>42238</v>
      </c>
      <c r="C2062" s="6">
        <v>8891927</v>
      </c>
    </row>
    <row r="2063" spans="2:3" x14ac:dyDescent="0.25">
      <c r="B2063" s="21">
        <v>42239</v>
      </c>
      <c r="C2063" s="6">
        <v>8961165</v>
      </c>
    </row>
    <row r="2064" spans="2:3" x14ac:dyDescent="0.25">
      <c r="B2064" s="21">
        <v>42240</v>
      </c>
      <c r="C2064" s="6">
        <v>10872681</v>
      </c>
    </row>
    <row r="2065" spans="2:3" x14ac:dyDescent="0.25">
      <c r="B2065" s="21">
        <v>42241</v>
      </c>
      <c r="C2065" s="6">
        <v>11043296</v>
      </c>
    </row>
    <row r="2066" spans="2:3" x14ac:dyDescent="0.25">
      <c r="B2066" s="21">
        <v>42242</v>
      </c>
      <c r="C2066" s="6">
        <v>11066796</v>
      </c>
    </row>
    <row r="2067" spans="2:3" x14ac:dyDescent="0.25">
      <c r="B2067" s="21">
        <v>42243</v>
      </c>
      <c r="C2067" s="6">
        <v>11154847</v>
      </c>
    </row>
    <row r="2068" spans="2:3" x14ac:dyDescent="0.25">
      <c r="B2068" s="21">
        <v>42244</v>
      </c>
      <c r="C2068" s="6">
        <v>11089720</v>
      </c>
    </row>
    <row r="2069" spans="2:3" x14ac:dyDescent="0.25">
      <c r="B2069" s="21">
        <v>42245</v>
      </c>
      <c r="C2069" s="6">
        <v>9440480</v>
      </c>
    </row>
    <row r="2070" spans="2:3" x14ac:dyDescent="0.25">
      <c r="B2070" s="21">
        <v>42246</v>
      </c>
      <c r="C2070" s="6">
        <v>9326937</v>
      </c>
    </row>
    <row r="2071" spans="2:3" x14ac:dyDescent="0.25">
      <c r="B2071" s="21">
        <v>42247</v>
      </c>
      <c r="C2071" s="6">
        <v>11193398</v>
      </c>
    </row>
    <row r="2072" spans="2:3" x14ac:dyDescent="0.25">
      <c r="B2072" s="21">
        <v>42248</v>
      </c>
      <c r="C2072" s="6">
        <v>11334861</v>
      </c>
    </row>
    <row r="2073" spans="2:3" x14ac:dyDescent="0.25">
      <c r="B2073" s="21">
        <v>42249</v>
      </c>
      <c r="C2073" s="6">
        <v>11066425</v>
      </c>
    </row>
    <row r="2074" spans="2:3" x14ac:dyDescent="0.25">
      <c r="B2074" s="21">
        <v>42250</v>
      </c>
      <c r="C2074" s="6">
        <v>11093080</v>
      </c>
    </row>
    <row r="2075" spans="2:3" x14ac:dyDescent="0.25">
      <c r="B2075" s="21">
        <v>42251</v>
      </c>
      <c r="C2075" s="6">
        <v>10736532</v>
      </c>
    </row>
    <row r="2076" spans="2:3" x14ac:dyDescent="0.25">
      <c r="B2076" s="21">
        <v>42252</v>
      </c>
      <c r="C2076" s="6">
        <v>9044988</v>
      </c>
    </row>
    <row r="2077" spans="2:3" x14ac:dyDescent="0.25">
      <c r="B2077" s="21">
        <v>42253</v>
      </c>
      <c r="C2077" s="6">
        <v>8888213</v>
      </c>
    </row>
    <row r="2078" spans="2:3" x14ac:dyDescent="0.25">
      <c r="B2078" s="21">
        <v>42254</v>
      </c>
      <c r="C2078" s="6">
        <v>10837956</v>
      </c>
    </row>
    <row r="2079" spans="2:3" x14ac:dyDescent="0.25">
      <c r="B2079" s="21">
        <v>42255</v>
      </c>
      <c r="C2079" s="6">
        <v>11032382</v>
      </c>
    </row>
    <row r="2080" spans="2:3" x14ac:dyDescent="0.25">
      <c r="B2080" s="21">
        <v>42256</v>
      </c>
      <c r="C2080" s="6">
        <v>11127043</v>
      </c>
    </row>
    <row r="2081" spans="2:3" x14ac:dyDescent="0.25">
      <c r="B2081" s="21">
        <v>42257</v>
      </c>
      <c r="C2081" s="6">
        <v>11124928</v>
      </c>
    </row>
    <row r="2082" spans="2:3" x14ac:dyDescent="0.25">
      <c r="B2082" s="21">
        <v>42258</v>
      </c>
      <c r="C2082" s="6">
        <v>10995329</v>
      </c>
    </row>
    <row r="2083" spans="2:3" x14ac:dyDescent="0.25">
      <c r="B2083" s="21">
        <v>42259</v>
      </c>
      <c r="C2083" s="6">
        <v>9303368</v>
      </c>
    </row>
    <row r="2084" spans="2:3" x14ac:dyDescent="0.25">
      <c r="B2084" s="21">
        <v>42260</v>
      </c>
      <c r="C2084" s="6">
        <v>9128391</v>
      </c>
    </row>
    <row r="2085" spans="2:3" x14ac:dyDescent="0.25">
      <c r="B2085" s="21">
        <v>42261</v>
      </c>
      <c r="C2085" s="6">
        <v>11087123</v>
      </c>
    </row>
    <row r="2086" spans="2:3" x14ac:dyDescent="0.25">
      <c r="B2086" s="21">
        <v>42262</v>
      </c>
      <c r="C2086" s="6">
        <v>11280134</v>
      </c>
    </row>
    <row r="2087" spans="2:3" x14ac:dyDescent="0.25">
      <c r="B2087" s="21">
        <v>42263</v>
      </c>
      <c r="C2087" s="6">
        <v>11265274</v>
      </c>
    </row>
    <row r="2088" spans="2:3" x14ac:dyDescent="0.25">
      <c r="B2088" s="21">
        <v>42264</v>
      </c>
      <c r="C2088" s="6">
        <v>11328956</v>
      </c>
    </row>
    <row r="2089" spans="2:3" x14ac:dyDescent="0.25">
      <c r="B2089" s="21">
        <v>42265</v>
      </c>
      <c r="C2089" s="6">
        <v>11074700</v>
      </c>
    </row>
    <row r="2090" spans="2:3" x14ac:dyDescent="0.25">
      <c r="B2090" s="21">
        <v>42266</v>
      </c>
      <c r="C2090" s="6">
        <v>9404743</v>
      </c>
    </row>
    <row r="2091" spans="2:3" x14ac:dyDescent="0.25">
      <c r="B2091" s="21">
        <v>42267</v>
      </c>
      <c r="C2091" s="6">
        <v>9263129</v>
      </c>
    </row>
    <row r="2092" spans="2:3" x14ac:dyDescent="0.25">
      <c r="B2092" s="21">
        <v>42268</v>
      </c>
      <c r="C2092" s="6">
        <v>10979492</v>
      </c>
    </row>
    <row r="2093" spans="2:3" x14ac:dyDescent="0.25">
      <c r="B2093" s="21">
        <v>42269</v>
      </c>
      <c r="C2093" s="6">
        <v>11216975</v>
      </c>
    </row>
    <row r="2094" spans="2:3" x14ac:dyDescent="0.25">
      <c r="B2094" s="21">
        <v>42270</v>
      </c>
      <c r="C2094" s="6">
        <v>11395599</v>
      </c>
    </row>
    <row r="2095" spans="2:3" x14ac:dyDescent="0.25">
      <c r="B2095" s="21">
        <v>42271</v>
      </c>
      <c r="C2095" s="6">
        <v>11272312</v>
      </c>
    </row>
    <row r="2096" spans="2:3" x14ac:dyDescent="0.25">
      <c r="B2096" s="21">
        <v>42272</v>
      </c>
      <c r="C2096" s="6">
        <v>11167412</v>
      </c>
    </row>
    <row r="2097" spans="2:3" x14ac:dyDescent="0.25">
      <c r="B2097" s="21">
        <v>42273</v>
      </c>
      <c r="C2097" s="6">
        <v>9574472</v>
      </c>
    </row>
    <row r="2098" spans="2:3" x14ac:dyDescent="0.25">
      <c r="B2098" s="21">
        <v>42274</v>
      </c>
      <c r="C2098" s="6">
        <v>9167107</v>
      </c>
    </row>
    <row r="2099" spans="2:3" x14ac:dyDescent="0.25">
      <c r="B2099" s="21">
        <v>42275</v>
      </c>
      <c r="C2099" s="6">
        <v>9515371</v>
      </c>
    </row>
    <row r="2100" spans="2:3" x14ac:dyDescent="0.25">
      <c r="B2100" s="21">
        <v>42276</v>
      </c>
      <c r="C2100" s="6">
        <v>11223009</v>
      </c>
    </row>
    <row r="2101" spans="2:3" x14ac:dyDescent="0.25">
      <c r="B2101" s="21">
        <v>42277</v>
      </c>
      <c r="C2101" s="6">
        <v>11603115</v>
      </c>
    </row>
    <row r="2102" spans="2:3" x14ac:dyDescent="0.25">
      <c r="B2102" s="21">
        <v>42278</v>
      </c>
      <c r="C2102" s="6">
        <v>11687836</v>
      </c>
    </row>
    <row r="2103" spans="2:3" x14ac:dyDescent="0.25">
      <c r="B2103" s="21">
        <v>42279</v>
      </c>
      <c r="C2103" s="6">
        <v>11575142</v>
      </c>
    </row>
    <row r="2104" spans="2:3" x14ac:dyDescent="0.25">
      <c r="B2104" s="21">
        <v>42280</v>
      </c>
      <c r="C2104" s="6">
        <v>9795427</v>
      </c>
    </row>
    <row r="2105" spans="2:3" x14ac:dyDescent="0.25">
      <c r="B2105" s="21">
        <v>42281</v>
      </c>
      <c r="C2105" s="6">
        <v>9778460</v>
      </c>
    </row>
    <row r="2106" spans="2:3" x14ac:dyDescent="0.25">
      <c r="B2106" s="21">
        <v>42282</v>
      </c>
      <c r="C2106" s="6">
        <v>11542652</v>
      </c>
    </row>
    <row r="2107" spans="2:3" x14ac:dyDescent="0.25">
      <c r="B2107" s="21">
        <v>42283</v>
      </c>
      <c r="C2107" s="6">
        <v>11711723</v>
      </c>
    </row>
    <row r="2108" spans="2:3" x14ac:dyDescent="0.25">
      <c r="B2108" s="21">
        <v>42284</v>
      </c>
      <c r="C2108" s="6">
        <v>11800096</v>
      </c>
    </row>
    <row r="2109" spans="2:3" x14ac:dyDescent="0.25">
      <c r="B2109" s="21">
        <v>42285</v>
      </c>
      <c r="C2109" s="6">
        <v>11747226</v>
      </c>
    </row>
    <row r="2110" spans="2:3" x14ac:dyDescent="0.25">
      <c r="B2110" s="21">
        <v>42286</v>
      </c>
      <c r="C2110" s="6">
        <v>11624352</v>
      </c>
    </row>
    <row r="2111" spans="2:3" x14ac:dyDescent="0.25">
      <c r="B2111" s="21">
        <v>42287</v>
      </c>
      <c r="C2111" s="6">
        <v>10153835</v>
      </c>
    </row>
    <row r="2112" spans="2:3" x14ac:dyDescent="0.25">
      <c r="B2112" s="21">
        <v>42288</v>
      </c>
      <c r="C2112" s="6">
        <v>10034719</v>
      </c>
    </row>
    <row r="2113" spans="2:3" x14ac:dyDescent="0.25">
      <c r="B2113" s="21">
        <v>42289</v>
      </c>
      <c r="C2113" s="6">
        <v>12166732</v>
      </c>
    </row>
    <row r="2114" spans="2:3" x14ac:dyDescent="0.25">
      <c r="B2114" s="21">
        <v>42290</v>
      </c>
      <c r="C2114" s="6">
        <v>12648803</v>
      </c>
    </row>
    <row r="2115" spans="2:3" x14ac:dyDescent="0.25">
      <c r="B2115" s="21">
        <v>42291</v>
      </c>
      <c r="C2115" s="6">
        <v>12737186</v>
      </c>
    </row>
    <row r="2116" spans="2:3" x14ac:dyDescent="0.25">
      <c r="B2116" s="21">
        <v>42292</v>
      </c>
      <c r="C2116" s="6">
        <v>12591958</v>
      </c>
    </row>
    <row r="2117" spans="2:3" x14ac:dyDescent="0.25">
      <c r="B2117" s="21">
        <v>42293</v>
      </c>
      <c r="C2117" s="6">
        <v>12118600</v>
      </c>
    </row>
    <row r="2118" spans="2:3" x14ac:dyDescent="0.25">
      <c r="B2118" s="21">
        <v>42294</v>
      </c>
      <c r="C2118" s="6">
        <v>10476233</v>
      </c>
    </row>
    <row r="2119" spans="2:3" x14ac:dyDescent="0.25">
      <c r="B2119" s="21">
        <v>42295</v>
      </c>
      <c r="C2119" s="6">
        <v>10445078</v>
      </c>
    </row>
    <row r="2120" spans="2:3" x14ac:dyDescent="0.25">
      <c r="B2120" s="21">
        <v>42296</v>
      </c>
      <c r="C2120" s="6">
        <v>12278768</v>
      </c>
    </row>
    <row r="2121" spans="2:3" x14ac:dyDescent="0.25">
      <c r="B2121" s="21">
        <v>42297</v>
      </c>
      <c r="C2121" s="6">
        <v>12563999</v>
      </c>
    </row>
    <row r="2122" spans="2:3" x14ac:dyDescent="0.25">
      <c r="B2122" s="21">
        <v>42298</v>
      </c>
      <c r="C2122" s="6">
        <v>12576504</v>
      </c>
    </row>
    <row r="2123" spans="2:3" x14ac:dyDescent="0.25">
      <c r="B2123" s="21">
        <v>42299</v>
      </c>
      <c r="C2123" s="6">
        <v>12427919</v>
      </c>
    </row>
    <row r="2124" spans="2:3" x14ac:dyDescent="0.25">
      <c r="B2124" s="21">
        <v>42300</v>
      </c>
      <c r="C2124" s="6">
        <v>12174079</v>
      </c>
    </row>
    <row r="2125" spans="2:3" x14ac:dyDescent="0.25">
      <c r="B2125" s="21">
        <v>42301</v>
      </c>
      <c r="C2125" s="6">
        <v>10816048</v>
      </c>
    </row>
    <row r="2126" spans="2:3" x14ac:dyDescent="0.25">
      <c r="B2126" s="21">
        <v>42302</v>
      </c>
      <c r="C2126" s="6">
        <v>10930645</v>
      </c>
    </row>
    <row r="2127" spans="2:3" x14ac:dyDescent="0.25">
      <c r="B2127" s="21">
        <v>42303</v>
      </c>
      <c r="C2127" s="6">
        <v>12098153</v>
      </c>
    </row>
    <row r="2128" spans="2:3" x14ac:dyDescent="0.25">
      <c r="B2128" s="21">
        <v>42304</v>
      </c>
      <c r="C2128" s="6">
        <v>12337913</v>
      </c>
    </row>
    <row r="2129" spans="2:3" x14ac:dyDescent="0.25">
      <c r="B2129" s="21">
        <v>42305</v>
      </c>
      <c r="C2129" s="6">
        <v>11277866</v>
      </c>
    </row>
    <row r="2130" spans="2:3" x14ac:dyDescent="0.25">
      <c r="B2130" s="21">
        <v>42306</v>
      </c>
      <c r="C2130" s="6">
        <v>12274933</v>
      </c>
    </row>
    <row r="2131" spans="2:3" x14ac:dyDescent="0.25">
      <c r="B2131" s="21">
        <v>42307</v>
      </c>
      <c r="C2131" s="6">
        <v>12094082</v>
      </c>
    </row>
    <row r="2132" spans="2:3" x14ac:dyDescent="0.25">
      <c r="B2132" s="21">
        <v>42308</v>
      </c>
      <c r="C2132" s="6">
        <v>10300673</v>
      </c>
    </row>
    <row r="2133" spans="2:3" x14ac:dyDescent="0.25">
      <c r="B2133" s="21">
        <v>42309</v>
      </c>
      <c r="C2133" s="6">
        <v>10337970</v>
      </c>
    </row>
    <row r="2134" spans="2:3" x14ac:dyDescent="0.25">
      <c r="B2134" s="21">
        <v>42310</v>
      </c>
      <c r="C2134" s="6">
        <v>12367255</v>
      </c>
    </row>
    <row r="2135" spans="2:3" x14ac:dyDescent="0.25">
      <c r="B2135" s="21">
        <v>42311</v>
      </c>
      <c r="C2135" s="6">
        <v>12687703</v>
      </c>
    </row>
    <row r="2136" spans="2:3" x14ac:dyDescent="0.25">
      <c r="B2136" s="21">
        <v>42312</v>
      </c>
      <c r="C2136" s="6">
        <v>12885449</v>
      </c>
    </row>
    <row r="2137" spans="2:3" x14ac:dyDescent="0.25">
      <c r="B2137" s="21">
        <v>42313</v>
      </c>
      <c r="C2137" s="6">
        <v>12752876</v>
      </c>
    </row>
    <row r="2138" spans="2:3" x14ac:dyDescent="0.25">
      <c r="B2138" s="21">
        <v>42314</v>
      </c>
      <c r="C2138" s="6">
        <v>12518799</v>
      </c>
    </row>
    <row r="2139" spans="2:3" x14ac:dyDescent="0.25">
      <c r="B2139" s="21">
        <v>42315</v>
      </c>
      <c r="C2139" s="6">
        <v>10987602</v>
      </c>
    </row>
    <row r="2140" spans="2:3" x14ac:dyDescent="0.25">
      <c r="B2140" s="21">
        <v>42316</v>
      </c>
      <c r="C2140" s="6">
        <v>10337621</v>
      </c>
    </row>
    <row r="2141" spans="2:3" x14ac:dyDescent="0.25">
      <c r="B2141" s="21">
        <v>42317</v>
      </c>
      <c r="C2141" s="6">
        <v>12315726</v>
      </c>
    </row>
    <row r="2142" spans="2:3" x14ac:dyDescent="0.25">
      <c r="B2142" s="21">
        <v>42318</v>
      </c>
      <c r="C2142" s="6">
        <v>12258701</v>
      </c>
    </row>
    <row r="2143" spans="2:3" x14ac:dyDescent="0.25">
      <c r="B2143" s="21">
        <v>42319</v>
      </c>
      <c r="C2143" s="6">
        <v>12326886</v>
      </c>
    </row>
    <row r="2144" spans="2:3" x14ac:dyDescent="0.25">
      <c r="B2144" s="21">
        <v>42320</v>
      </c>
      <c r="C2144" s="6">
        <v>12385342</v>
      </c>
    </row>
    <row r="2145" spans="2:3" x14ac:dyDescent="0.25">
      <c r="B2145" s="21">
        <v>42321</v>
      </c>
      <c r="C2145" s="6">
        <v>11998216</v>
      </c>
    </row>
    <row r="2146" spans="2:3" x14ac:dyDescent="0.25">
      <c r="B2146" s="21">
        <v>42322</v>
      </c>
      <c r="C2146" s="6">
        <v>10407284</v>
      </c>
    </row>
    <row r="2147" spans="2:3" x14ac:dyDescent="0.25">
      <c r="B2147" s="21">
        <v>42323</v>
      </c>
      <c r="C2147" s="6">
        <v>10437941</v>
      </c>
    </row>
    <row r="2148" spans="2:3" x14ac:dyDescent="0.25">
      <c r="B2148" s="21">
        <v>42324</v>
      </c>
      <c r="C2148" s="6">
        <v>11400945</v>
      </c>
    </row>
    <row r="2149" spans="2:3" x14ac:dyDescent="0.25">
      <c r="B2149" s="21">
        <v>42325</v>
      </c>
      <c r="C2149" s="6">
        <v>10931312</v>
      </c>
    </row>
    <row r="2150" spans="2:3" x14ac:dyDescent="0.25">
      <c r="B2150" s="21">
        <v>42326</v>
      </c>
      <c r="C2150" s="6">
        <v>11997934</v>
      </c>
    </row>
    <row r="2151" spans="2:3" x14ac:dyDescent="0.25">
      <c r="B2151" s="21">
        <v>42327</v>
      </c>
      <c r="C2151" s="6">
        <v>12351537</v>
      </c>
    </row>
    <row r="2152" spans="2:3" x14ac:dyDescent="0.25">
      <c r="B2152" s="21">
        <v>42328</v>
      </c>
      <c r="C2152" s="6">
        <v>12308672</v>
      </c>
    </row>
    <row r="2153" spans="2:3" x14ac:dyDescent="0.25">
      <c r="B2153" s="21">
        <v>42329</v>
      </c>
      <c r="C2153" s="6">
        <v>10692579</v>
      </c>
    </row>
    <row r="2154" spans="2:3" x14ac:dyDescent="0.25">
      <c r="B2154" s="21">
        <v>42330</v>
      </c>
      <c r="C2154" s="6">
        <v>10897679</v>
      </c>
    </row>
    <row r="2155" spans="2:3" x14ac:dyDescent="0.25">
      <c r="B2155" s="21">
        <v>42331</v>
      </c>
      <c r="C2155" s="6">
        <v>12988879</v>
      </c>
    </row>
    <row r="2156" spans="2:3" x14ac:dyDescent="0.25">
      <c r="B2156" s="21">
        <v>42332</v>
      </c>
      <c r="C2156" s="6">
        <v>13377156</v>
      </c>
    </row>
    <row r="2157" spans="2:3" x14ac:dyDescent="0.25">
      <c r="B2157" s="21">
        <v>42333</v>
      </c>
      <c r="C2157" s="6">
        <v>13573669</v>
      </c>
    </row>
    <row r="2158" spans="2:3" x14ac:dyDescent="0.25">
      <c r="B2158" s="21">
        <v>42334</v>
      </c>
      <c r="C2158" s="6">
        <v>13401112</v>
      </c>
    </row>
    <row r="2159" spans="2:3" x14ac:dyDescent="0.25">
      <c r="B2159" s="21">
        <v>42335</v>
      </c>
      <c r="C2159" s="6">
        <v>13135438</v>
      </c>
    </row>
    <row r="2160" spans="2:3" x14ac:dyDescent="0.25">
      <c r="B2160" s="21">
        <v>42336</v>
      </c>
      <c r="C2160" s="6">
        <v>11700907</v>
      </c>
    </row>
    <row r="2161" spans="2:3" x14ac:dyDescent="0.25">
      <c r="B2161" s="21">
        <v>42337</v>
      </c>
      <c r="C2161" s="6">
        <v>11400406</v>
      </c>
    </row>
    <row r="2162" spans="2:3" x14ac:dyDescent="0.25">
      <c r="B2162" s="21">
        <v>42338</v>
      </c>
      <c r="C2162" s="6">
        <v>13122987</v>
      </c>
    </row>
    <row r="2163" spans="2:3" x14ac:dyDescent="0.25">
      <c r="B2163" s="21">
        <v>42339</v>
      </c>
      <c r="C2163" s="6">
        <v>13086171</v>
      </c>
    </row>
    <row r="2164" spans="2:3" x14ac:dyDescent="0.25">
      <c r="B2164" s="21">
        <v>42340</v>
      </c>
      <c r="C2164" s="6">
        <v>13148518</v>
      </c>
    </row>
    <row r="2165" spans="2:3" x14ac:dyDescent="0.25">
      <c r="B2165" s="21">
        <v>42341</v>
      </c>
      <c r="C2165" s="6">
        <v>12993299</v>
      </c>
    </row>
    <row r="2166" spans="2:3" x14ac:dyDescent="0.25">
      <c r="B2166" s="21">
        <v>42342</v>
      </c>
      <c r="C2166" s="6">
        <v>12960339</v>
      </c>
    </row>
    <row r="2167" spans="2:3" x14ac:dyDescent="0.25">
      <c r="B2167" s="21">
        <v>42343</v>
      </c>
      <c r="C2167" s="6">
        <v>11058654</v>
      </c>
    </row>
    <row r="2168" spans="2:3" x14ac:dyDescent="0.25">
      <c r="B2168" s="21">
        <v>42344</v>
      </c>
      <c r="C2168" s="6">
        <v>11082783</v>
      </c>
    </row>
    <row r="2169" spans="2:3" x14ac:dyDescent="0.25">
      <c r="B2169" s="21">
        <v>42345</v>
      </c>
      <c r="C2169" s="6">
        <v>13086859</v>
      </c>
    </row>
    <row r="2170" spans="2:3" x14ac:dyDescent="0.25">
      <c r="B2170" s="21">
        <v>42346</v>
      </c>
      <c r="C2170" s="6">
        <v>13230638</v>
      </c>
    </row>
    <row r="2171" spans="2:3" x14ac:dyDescent="0.25">
      <c r="B2171" s="21">
        <v>42347</v>
      </c>
      <c r="C2171" s="6">
        <v>13561231</v>
      </c>
    </row>
    <row r="2172" spans="2:3" x14ac:dyDescent="0.25">
      <c r="B2172" s="21">
        <v>42348</v>
      </c>
      <c r="C2172" s="6">
        <v>13384816</v>
      </c>
    </row>
    <row r="2173" spans="2:3" x14ac:dyDescent="0.25">
      <c r="B2173" s="21">
        <v>42349</v>
      </c>
      <c r="C2173" s="6">
        <v>13371471</v>
      </c>
    </row>
    <row r="2174" spans="2:3" x14ac:dyDescent="0.25">
      <c r="B2174" s="21">
        <v>42350</v>
      </c>
      <c r="C2174" s="6">
        <v>11519005</v>
      </c>
    </row>
    <row r="2175" spans="2:3" x14ac:dyDescent="0.25">
      <c r="B2175" s="21">
        <v>42351</v>
      </c>
      <c r="C2175" s="6">
        <v>11366728</v>
      </c>
    </row>
    <row r="2176" spans="2:3" x14ac:dyDescent="0.25">
      <c r="B2176" s="21">
        <v>42352</v>
      </c>
      <c r="C2176" s="6">
        <v>13370370</v>
      </c>
    </row>
    <row r="2177" spans="2:3" x14ac:dyDescent="0.25">
      <c r="B2177" s="21">
        <v>42353</v>
      </c>
      <c r="C2177" s="6">
        <v>13475907</v>
      </c>
    </row>
    <row r="2178" spans="2:3" x14ac:dyDescent="0.25">
      <c r="B2178" s="21">
        <v>42354</v>
      </c>
      <c r="C2178" s="6">
        <v>13450160</v>
      </c>
    </row>
    <row r="2179" spans="2:3" x14ac:dyDescent="0.25">
      <c r="B2179" s="21">
        <v>42355</v>
      </c>
      <c r="C2179" s="6">
        <v>13291398</v>
      </c>
    </row>
    <row r="2180" spans="2:3" x14ac:dyDescent="0.25">
      <c r="B2180" s="21">
        <v>42356</v>
      </c>
      <c r="C2180" s="6">
        <v>12635940</v>
      </c>
    </row>
    <row r="2181" spans="2:3" x14ac:dyDescent="0.25">
      <c r="B2181" s="21">
        <v>42357</v>
      </c>
      <c r="C2181" s="6">
        <v>10883757</v>
      </c>
    </row>
    <row r="2182" spans="2:3" x14ac:dyDescent="0.25">
      <c r="B2182" s="21">
        <v>42358</v>
      </c>
      <c r="C2182" s="6">
        <v>10793779</v>
      </c>
    </row>
    <row r="2183" spans="2:3" x14ac:dyDescent="0.25">
      <c r="B2183" s="21">
        <v>42359</v>
      </c>
      <c r="C2183" s="6">
        <v>11922140</v>
      </c>
    </row>
    <row r="2184" spans="2:3" x14ac:dyDescent="0.25">
      <c r="B2184" s="21">
        <v>42360</v>
      </c>
      <c r="C2184" s="6">
        <v>11390288</v>
      </c>
    </row>
    <row r="2185" spans="2:3" x14ac:dyDescent="0.25">
      <c r="B2185" s="21">
        <v>42361</v>
      </c>
      <c r="C2185" s="6">
        <v>10678811</v>
      </c>
    </row>
    <row r="2186" spans="2:3" x14ac:dyDescent="0.25">
      <c r="B2186" s="21">
        <v>42362</v>
      </c>
      <c r="C2186" s="6">
        <v>9147758</v>
      </c>
    </row>
    <row r="2187" spans="2:3" x14ac:dyDescent="0.25">
      <c r="B2187" s="21">
        <v>42363</v>
      </c>
      <c r="C2187" s="6">
        <v>8790747</v>
      </c>
    </row>
    <row r="2188" spans="2:3" x14ac:dyDescent="0.25">
      <c r="B2188" s="21">
        <v>42364</v>
      </c>
      <c r="C2188" s="6">
        <v>8920456</v>
      </c>
    </row>
    <row r="2189" spans="2:3" x14ac:dyDescent="0.25">
      <c r="B2189" s="21">
        <v>42365</v>
      </c>
      <c r="C2189" s="6">
        <v>9380176</v>
      </c>
    </row>
    <row r="2190" spans="2:3" x14ac:dyDescent="0.25">
      <c r="B2190" s="21">
        <v>42366</v>
      </c>
      <c r="C2190" s="6">
        <v>10339020</v>
      </c>
    </row>
    <row r="2191" spans="2:3" x14ac:dyDescent="0.25">
      <c r="B2191" s="21">
        <v>42367</v>
      </c>
      <c r="C2191" s="6">
        <v>10513115</v>
      </c>
    </row>
    <row r="2192" spans="2:3" x14ac:dyDescent="0.25">
      <c r="B2192" s="21">
        <v>42368</v>
      </c>
      <c r="C2192" s="6">
        <v>10681426</v>
      </c>
    </row>
    <row r="2193" spans="2:3" x14ac:dyDescent="0.25">
      <c r="B2193" s="21">
        <v>42369</v>
      </c>
      <c r="C2193" s="6">
        <v>10314447</v>
      </c>
    </row>
    <row r="2194" spans="2:3" x14ac:dyDescent="0.25">
      <c r="B2194" s="21">
        <v>42370</v>
      </c>
      <c r="C2194" s="6">
        <v>3680861</v>
      </c>
    </row>
    <row r="2195" spans="2:3" x14ac:dyDescent="0.25">
      <c r="B2195" s="21">
        <v>42371</v>
      </c>
      <c r="C2195" s="6">
        <v>4133264</v>
      </c>
    </row>
    <row r="2196" spans="2:3" x14ac:dyDescent="0.25">
      <c r="B2196" s="21">
        <v>42372</v>
      </c>
      <c r="C2196" s="6">
        <v>5136638</v>
      </c>
    </row>
    <row r="2197" spans="2:3" x14ac:dyDescent="0.25">
      <c r="B2197" s="21">
        <v>42373</v>
      </c>
      <c r="C2197" s="6">
        <v>6785706</v>
      </c>
    </row>
    <row r="2198" spans="2:3" x14ac:dyDescent="0.25">
      <c r="B2198" s="21">
        <v>42374</v>
      </c>
      <c r="C2198" s="6">
        <v>6929988</v>
      </c>
    </row>
    <row r="2199" spans="2:3" x14ac:dyDescent="0.25">
      <c r="B2199" s="21">
        <v>42375</v>
      </c>
      <c r="C2199" s="6">
        <v>5425493</v>
      </c>
    </row>
    <row r="2200" spans="2:3" x14ac:dyDescent="0.25">
      <c r="B2200" s="21">
        <v>42376</v>
      </c>
      <c r="C2200" s="6">
        <v>5181210</v>
      </c>
    </row>
    <row r="2201" spans="2:3" x14ac:dyDescent="0.25">
      <c r="B2201" s="21">
        <v>42377</v>
      </c>
      <c r="C2201" s="6">
        <v>4973360</v>
      </c>
    </row>
    <row r="2202" spans="2:3" x14ac:dyDescent="0.25">
      <c r="B2202" s="21">
        <v>42378</v>
      </c>
      <c r="C2202" s="6">
        <v>4399814</v>
      </c>
    </row>
    <row r="2203" spans="2:3" x14ac:dyDescent="0.25">
      <c r="B2203" s="21">
        <v>42379</v>
      </c>
      <c r="C2203" s="6">
        <v>4761923</v>
      </c>
    </row>
    <row r="2204" spans="2:3" x14ac:dyDescent="0.25">
      <c r="B2204" s="21">
        <v>42380</v>
      </c>
      <c r="C2204" s="6">
        <v>5104543</v>
      </c>
    </row>
    <row r="2205" spans="2:3" x14ac:dyDescent="0.25">
      <c r="B2205" s="21">
        <v>42381</v>
      </c>
      <c r="C2205" s="6">
        <v>5035182</v>
      </c>
    </row>
    <row r="2206" spans="2:3" x14ac:dyDescent="0.25">
      <c r="B2206" s="21">
        <v>42382</v>
      </c>
      <c r="C2206" s="6">
        <v>5102784</v>
      </c>
    </row>
    <row r="2207" spans="2:3" x14ac:dyDescent="0.25">
      <c r="B2207" s="21">
        <v>42383</v>
      </c>
      <c r="C2207" s="6">
        <v>5037136</v>
      </c>
    </row>
    <row r="2208" spans="2:3" x14ac:dyDescent="0.25">
      <c r="B2208" s="21">
        <v>42384</v>
      </c>
      <c r="C2208" s="6">
        <v>13267551</v>
      </c>
    </row>
    <row r="2209" spans="2:3" x14ac:dyDescent="0.25">
      <c r="B2209" s="21">
        <v>42385</v>
      </c>
      <c r="C2209" s="6">
        <v>12285430</v>
      </c>
    </row>
    <row r="2210" spans="2:3" x14ac:dyDescent="0.25">
      <c r="B2210" s="21">
        <v>42386</v>
      </c>
      <c r="C2210" s="6">
        <v>12216978</v>
      </c>
    </row>
    <row r="2211" spans="2:3" x14ac:dyDescent="0.25">
      <c r="B2211" s="21">
        <v>42387</v>
      </c>
      <c r="C2211" s="6">
        <v>14216090</v>
      </c>
    </row>
    <row r="2212" spans="2:3" x14ac:dyDescent="0.25">
      <c r="B2212" s="21">
        <v>42388</v>
      </c>
      <c r="C2212" s="6">
        <v>14703938</v>
      </c>
    </row>
    <row r="2213" spans="2:3" x14ac:dyDescent="0.25">
      <c r="B2213" s="21">
        <v>42389</v>
      </c>
      <c r="C2213" s="6">
        <v>14847666</v>
      </c>
    </row>
    <row r="2214" spans="2:3" x14ac:dyDescent="0.25">
      <c r="B2214" s="21">
        <v>42390</v>
      </c>
      <c r="C2214" s="6">
        <v>14617314</v>
      </c>
    </row>
    <row r="2215" spans="2:3" x14ac:dyDescent="0.25">
      <c r="B2215" s="21">
        <v>42391</v>
      </c>
      <c r="C2215" s="6">
        <v>14777048</v>
      </c>
    </row>
    <row r="2216" spans="2:3" x14ac:dyDescent="0.25">
      <c r="B2216" s="21">
        <v>42392</v>
      </c>
      <c r="C2216" s="6">
        <v>13094829</v>
      </c>
    </row>
    <row r="2217" spans="2:3" x14ac:dyDescent="0.25">
      <c r="B2217" s="21">
        <v>42393</v>
      </c>
      <c r="C2217" s="6">
        <v>12418609</v>
      </c>
    </row>
    <row r="2218" spans="2:3" x14ac:dyDescent="0.25">
      <c r="B2218" s="21">
        <v>42394</v>
      </c>
      <c r="C2218" s="6">
        <v>14004101</v>
      </c>
    </row>
    <row r="2219" spans="2:3" x14ac:dyDescent="0.25">
      <c r="B2219" s="21">
        <v>42395</v>
      </c>
      <c r="C2219" s="6">
        <v>13795319</v>
      </c>
    </row>
    <row r="2220" spans="2:3" x14ac:dyDescent="0.25">
      <c r="B2220" s="21">
        <v>42396</v>
      </c>
      <c r="C2220" s="6">
        <v>13497736</v>
      </c>
    </row>
    <row r="2221" spans="2:3" x14ac:dyDescent="0.25">
      <c r="B2221" s="21">
        <v>42397</v>
      </c>
      <c r="C2221" s="6">
        <v>13316731</v>
      </c>
    </row>
    <row r="2222" spans="2:3" x14ac:dyDescent="0.25">
      <c r="B2222" s="21">
        <v>42398</v>
      </c>
      <c r="C2222" s="6">
        <v>12987316</v>
      </c>
    </row>
    <row r="2223" spans="2:3" x14ac:dyDescent="0.25">
      <c r="B2223" s="21">
        <v>42399</v>
      </c>
      <c r="C2223" s="6">
        <v>11110779</v>
      </c>
    </row>
    <row r="2224" spans="2:3" x14ac:dyDescent="0.25">
      <c r="B2224" s="21">
        <v>42400</v>
      </c>
      <c r="C2224" s="6">
        <v>11120440</v>
      </c>
    </row>
    <row r="2225" spans="2:3" x14ac:dyDescent="0.25">
      <c r="B2225" s="21">
        <v>42401</v>
      </c>
      <c r="C2225" s="6">
        <v>12089540</v>
      </c>
    </row>
    <row r="2226" spans="2:3" x14ac:dyDescent="0.25">
      <c r="B2226" s="21">
        <v>42402</v>
      </c>
      <c r="C2226" s="6">
        <v>4822468</v>
      </c>
    </row>
    <row r="2227" spans="2:3" x14ac:dyDescent="0.25">
      <c r="B2227" s="21">
        <v>42403</v>
      </c>
      <c r="C2227" s="6">
        <v>4857459</v>
      </c>
    </row>
    <row r="2228" spans="2:3" x14ac:dyDescent="0.25">
      <c r="B2228" s="21">
        <v>42404</v>
      </c>
      <c r="C2228" s="6">
        <v>13007196</v>
      </c>
    </row>
    <row r="2229" spans="2:3" x14ac:dyDescent="0.25">
      <c r="B2229" s="21">
        <v>42405</v>
      </c>
      <c r="C2229" s="6">
        <v>13207672</v>
      </c>
    </row>
    <row r="2230" spans="2:3" x14ac:dyDescent="0.25">
      <c r="B2230" s="21">
        <v>42406</v>
      </c>
      <c r="C2230" s="6">
        <v>11248509</v>
      </c>
    </row>
    <row r="2231" spans="2:3" x14ac:dyDescent="0.25">
      <c r="B2231" s="21">
        <v>42407</v>
      </c>
      <c r="C2231" s="6">
        <v>11055213</v>
      </c>
    </row>
    <row r="2232" spans="2:3" x14ac:dyDescent="0.25">
      <c r="B2232" s="21">
        <v>42408</v>
      </c>
      <c r="C2232" s="6">
        <v>12875031</v>
      </c>
    </row>
    <row r="2233" spans="2:3" x14ac:dyDescent="0.25">
      <c r="B2233" s="21">
        <v>42409</v>
      </c>
      <c r="C2233" s="6">
        <v>12888136</v>
      </c>
    </row>
    <row r="2234" spans="2:3" x14ac:dyDescent="0.25">
      <c r="B2234" s="21">
        <v>42410</v>
      </c>
      <c r="C2234" s="6">
        <v>13096127</v>
      </c>
    </row>
    <row r="2235" spans="2:3" x14ac:dyDescent="0.25">
      <c r="B2235" s="21">
        <v>42411</v>
      </c>
      <c r="C2235" s="6">
        <v>13103046</v>
      </c>
    </row>
    <row r="2236" spans="2:3" x14ac:dyDescent="0.25">
      <c r="B2236" s="21">
        <v>42412</v>
      </c>
      <c r="C2236" s="6">
        <v>13112037</v>
      </c>
    </row>
    <row r="2237" spans="2:3" x14ac:dyDescent="0.25">
      <c r="B2237" s="21">
        <v>42413</v>
      </c>
      <c r="C2237" s="6">
        <v>11285550</v>
      </c>
    </row>
    <row r="2238" spans="2:3" x14ac:dyDescent="0.25">
      <c r="B2238" s="21">
        <v>42414</v>
      </c>
      <c r="C2238" s="6">
        <v>10974870</v>
      </c>
    </row>
    <row r="2239" spans="2:3" x14ac:dyDescent="0.25">
      <c r="B2239" s="21">
        <v>42415</v>
      </c>
      <c r="C2239" s="6">
        <v>12939928</v>
      </c>
    </row>
    <row r="2240" spans="2:3" x14ac:dyDescent="0.25">
      <c r="B2240" s="21">
        <v>42416</v>
      </c>
      <c r="C2240" s="6">
        <v>13289996</v>
      </c>
    </row>
    <row r="2241" spans="2:3" x14ac:dyDescent="0.25">
      <c r="B2241" s="21">
        <v>42417</v>
      </c>
      <c r="C2241" s="6">
        <v>13653144</v>
      </c>
    </row>
    <row r="2242" spans="2:3" x14ac:dyDescent="0.25">
      <c r="B2242" s="21">
        <v>42418</v>
      </c>
      <c r="C2242" s="6">
        <v>13377275</v>
      </c>
    </row>
    <row r="2243" spans="2:3" x14ac:dyDescent="0.25">
      <c r="B2243" s="21">
        <v>42419</v>
      </c>
      <c r="C2243" s="6">
        <v>13206944</v>
      </c>
    </row>
    <row r="2244" spans="2:3" x14ac:dyDescent="0.25">
      <c r="B2244" s="21">
        <v>42420</v>
      </c>
      <c r="C2244" s="6">
        <v>11261946</v>
      </c>
    </row>
    <row r="2245" spans="2:3" x14ac:dyDescent="0.25">
      <c r="B2245" s="21">
        <v>42421</v>
      </c>
      <c r="C2245" s="6">
        <v>10889590</v>
      </c>
    </row>
    <row r="2246" spans="2:3" x14ac:dyDescent="0.25">
      <c r="B2246" s="21">
        <v>42422</v>
      </c>
      <c r="C2246" s="6">
        <v>12498305</v>
      </c>
    </row>
    <row r="2247" spans="2:3" x14ac:dyDescent="0.25">
      <c r="B2247" s="21">
        <v>42423</v>
      </c>
      <c r="C2247" s="6">
        <v>13194132</v>
      </c>
    </row>
    <row r="2248" spans="2:3" x14ac:dyDescent="0.25">
      <c r="B2248" s="21">
        <v>42424</v>
      </c>
      <c r="C2248" s="6">
        <v>13253064</v>
      </c>
    </row>
    <row r="2249" spans="2:3" x14ac:dyDescent="0.25">
      <c r="B2249" s="21">
        <v>42425</v>
      </c>
      <c r="C2249" s="6">
        <v>13409699</v>
      </c>
    </row>
    <row r="2250" spans="2:3" x14ac:dyDescent="0.25">
      <c r="B2250" s="21">
        <v>42426</v>
      </c>
      <c r="C2250" s="6">
        <v>13193671</v>
      </c>
    </row>
    <row r="2251" spans="2:3" x14ac:dyDescent="0.25">
      <c r="B2251" s="21">
        <v>42427</v>
      </c>
      <c r="C2251" s="6">
        <v>11519441</v>
      </c>
    </row>
    <row r="2252" spans="2:3" x14ac:dyDescent="0.25">
      <c r="B2252" s="21">
        <v>42428</v>
      </c>
      <c r="C2252" s="6">
        <v>11319958</v>
      </c>
    </row>
    <row r="2253" spans="2:3" x14ac:dyDescent="0.25">
      <c r="B2253" s="21">
        <v>42429</v>
      </c>
      <c r="C2253" s="6">
        <v>13380129</v>
      </c>
    </row>
    <row r="2254" spans="2:3" x14ac:dyDescent="0.25">
      <c r="B2254" s="21">
        <v>42430</v>
      </c>
      <c r="C2254" s="6">
        <v>13635988</v>
      </c>
    </row>
    <row r="2255" spans="2:3" x14ac:dyDescent="0.25">
      <c r="B2255" s="21">
        <v>42431</v>
      </c>
      <c r="C2255" s="6">
        <v>13540211</v>
      </c>
    </row>
    <row r="2256" spans="2:3" x14ac:dyDescent="0.25">
      <c r="B2256" s="21">
        <v>42432</v>
      </c>
      <c r="C2256" s="6">
        <v>13492097</v>
      </c>
    </row>
    <row r="2257" spans="2:3" x14ac:dyDescent="0.25">
      <c r="B2257" s="21">
        <v>42433</v>
      </c>
      <c r="C2257" s="6">
        <v>13175215</v>
      </c>
    </row>
    <row r="2258" spans="2:3" x14ac:dyDescent="0.25">
      <c r="B2258" s="21">
        <v>42434</v>
      </c>
      <c r="C2258" s="6">
        <v>11380535</v>
      </c>
    </row>
    <row r="2259" spans="2:3" x14ac:dyDescent="0.25">
      <c r="B2259" s="21">
        <v>42435</v>
      </c>
      <c r="C2259" s="6">
        <v>11226625</v>
      </c>
    </row>
    <row r="2260" spans="2:3" x14ac:dyDescent="0.25">
      <c r="B2260" s="21">
        <v>42436</v>
      </c>
      <c r="C2260" s="6">
        <v>13209451</v>
      </c>
    </row>
    <row r="2261" spans="2:3" x14ac:dyDescent="0.25">
      <c r="B2261" s="21">
        <v>42437</v>
      </c>
      <c r="C2261" s="6">
        <v>13563572</v>
      </c>
    </row>
    <row r="2262" spans="2:3" x14ac:dyDescent="0.25">
      <c r="B2262" s="21">
        <v>42438</v>
      </c>
      <c r="C2262" s="6">
        <v>13587681</v>
      </c>
    </row>
    <row r="2263" spans="2:3" x14ac:dyDescent="0.25">
      <c r="B2263" s="21">
        <v>42439</v>
      </c>
      <c r="C2263" s="6">
        <v>13241498</v>
      </c>
    </row>
    <row r="2264" spans="2:3" x14ac:dyDescent="0.25">
      <c r="B2264" s="21">
        <v>42440</v>
      </c>
      <c r="C2264" s="6">
        <v>12985419</v>
      </c>
    </row>
    <row r="2265" spans="2:3" x14ac:dyDescent="0.25">
      <c r="B2265" s="21">
        <v>42441</v>
      </c>
      <c r="C2265" s="6">
        <v>11318678</v>
      </c>
    </row>
    <row r="2266" spans="2:3" x14ac:dyDescent="0.25">
      <c r="B2266" s="21">
        <v>42442</v>
      </c>
      <c r="C2266" s="6">
        <v>11176168</v>
      </c>
    </row>
    <row r="2267" spans="2:3" x14ac:dyDescent="0.25">
      <c r="B2267" s="21">
        <v>42443</v>
      </c>
      <c r="C2267" s="6">
        <v>12800510</v>
      </c>
    </row>
    <row r="2268" spans="2:3" x14ac:dyDescent="0.25">
      <c r="B2268" s="21">
        <v>42444</v>
      </c>
      <c r="C2268" s="6">
        <v>13176112</v>
      </c>
    </row>
    <row r="2269" spans="2:3" x14ac:dyDescent="0.25">
      <c r="B2269" s="21">
        <v>42445</v>
      </c>
      <c r="C2269" s="6">
        <v>13261416</v>
      </c>
    </row>
    <row r="2270" spans="2:3" x14ac:dyDescent="0.25">
      <c r="B2270" s="21">
        <v>42446</v>
      </c>
      <c r="C2270" s="6">
        <v>12857546</v>
      </c>
    </row>
    <row r="2271" spans="2:3" x14ac:dyDescent="0.25">
      <c r="B2271" s="21">
        <v>42447</v>
      </c>
      <c r="C2271" s="6">
        <v>12559370</v>
      </c>
    </row>
    <row r="2272" spans="2:3" x14ac:dyDescent="0.25">
      <c r="B2272" s="21">
        <v>42448</v>
      </c>
      <c r="C2272" s="6">
        <v>10944224</v>
      </c>
    </row>
    <row r="2273" spans="2:3" x14ac:dyDescent="0.25">
      <c r="B2273" s="21">
        <v>42449</v>
      </c>
      <c r="C2273" s="6">
        <v>10984180</v>
      </c>
    </row>
    <row r="2274" spans="2:3" x14ac:dyDescent="0.25">
      <c r="B2274" s="21">
        <v>42450</v>
      </c>
      <c r="C2274" s="6">
        <v>12669813</v>
      </c>
    </row>
    <row r="2275" spans="2:3" x14ac:dyDescent="0.25">
      <c r="B2275" s="21">
        <v>42451</v>
      </c>
      <c r="C2275" s="6">
        <v>12960398</v>
      </c>
    </row>
    <row r="2276" spans="2:3" x14ac:dyDescent="0.25">
      <c r="B2276" s="21">
        <v>42452</v>
      </c>
      <c r="C2276" s="6">
        <v>12908639</v>
      </c>
    </row>
    <row r="2277" spans="2:3" x14ac:dyDescent="0.25">
      <c r="B2277" s="21">
        <v>42453</v>
      </c>
      <c r="C2277" s="6">
        <v>12721513</v>
      </c>
    </row>
    <row r="2278" spans="2:3" x14ac:dyDescent="0.25">
      <c r="B2278" s="21">
        <v>42454</v>
      </c>
      <c r="C2278" s="6">
        <v>11177795</v>
      </c>
    </row>
    <row r="2279" spans="2:3" x14ac:dyDescent="0.25">
      <c r="B2279" s="21">
        <v>42455</v>
      </c>
      <c r="C2279" s="6">
        <v>10534657</v>
      </c>
    </row>
    <row r="2280" spans="2:3" x14ac:dyDescent="0.25">
      <c r="B2280" s="21">
        <v>42456</v>
      </c>
      <c r="C2280" s="6">
        <v>9583499</v>
      </c>
    </row>
    <row r="2281" spans="2:3" x14ac:dyDescent="0.25">
      <c r="B2281" s="21">
        <v>42457</v>
      </c>
      <c r="C2281" s="6">
        <v>9594890</v>
      </c>
    </row>
    <row r="2282" spans="2:3" x14ac:dyDescent="0.25">
      <c r="B2282" s="21">
        <v>42458</v>
      </c>
      <c r="C2282" s="6">
        <v>11740560</v>
      </c>
    </row>
    <row r="2283" spans="2:3" x14ac:dyDescent="0.25">
      <c r="B2283" s="21">
        <v>42459</v>
      </c>
      <c r="C2283" s="6">
        <v>12179003</v>
      </c>
    </row>
    <row r="2284" spans="2:3" x14ac:dyDescent="0.25">
      <c r="B2284" s="21">
        <v>42460</v>
      </c>
      <c r="C2284" s="6">
        <v>11938037</v>
      </c>
    </row>
    <row r="2285" spans="2:3" x14ac:dyDescent="0.25">
      <c r="B2285" s="21">
        <v>42461</v>
      </c>
      <c r="C2285" s="6">
        <v>12018758</v>
      </c>
    </row>
    <row r="2286" spans="2:3" x14ac:dyDescent="0.25">
      <c r="B2286" s="21">
        <v>42462</v>
      </c>
      <c r="C2286" s="6">
        <v>10487718</v>
      </c>
    </row>
    <row r="2287" spans="2:3" x14ac:dyDescent="0.25">
      <c r="B2287" s="21">
        <v>42463</v>
      </c>
      <c r="C2287" s="6">
        <v>10047213</v>
      </c>
    </row>
    <row r="2288" spans="2:3" x14ac:dyDescent="0.25">
      <c r="B2288" s="21">
        <v>42464</v>
      </c>
      <c r="C2288" s="6">
        <v>11575078</v>
      </c>
    </row>
    <row r="2289" spans="2:3" x14ac:dyDescent="0.25">
      <c r="B2289" s="21">
        <v>42465</v>
      </c>
      <c r="C2289" s="6">
        <v>11693337</v>
      </c>
    </row>
    <row r="2290" spans="2:3" x14ac:dyDescent="0.25">
      <c r="B2290" s="21">
        <v>42466</v>
      </c>
      <c r="C2290" s="6">
        <v>11765974</v>
      </c>
    </row>
    <row r="2291" spans="2:3" x14ac:dyDescent="0.25">
      <c r="B2291" s="21">
        <v>42467</v>
      </c>
      <c r="C2291" s="6">
        <v>11754397</v>
      </c>
    </row>
    <row r="2292" spans="2:3" x14ac:dyDescent="0.25">
      <c r="B2292" s="21">
        <v>42468</v>
      </c>
      <c r="C2292" s="6">
        <v>11808313</v>
      </c>
    </row>
    <row r="2293" spans="2:3" x14ac:dyDescent="0.25">
      <c r="B2293" s="21">
        <v>42469</v>
      </c>
      <c r="C2293" s="6">
        <v>10414572</v>
      </c>
    </row>
    <row r="2294" spans="2:3" x14ac:dyDescent="0.25">
      <c r="B2294" s="21">
        <v>42470</v>
      </c>
      <c r="C2294" s="6">
        <v>10155659</v>
      </c>
    </row>
    <row r="2295" spans="2:3" x14ac:dyDescent="0.25">
      <c r="B2295" s="21">
        <v>42471</v>
      </c>
      <c r="C2295" s="6">
        <v>11908111</v>
      </c>
    </row>
    <row r="2296" spans="2:3" x14ac:dyDescent="0.25">
      <c r="B2296" s="21">
        <v>42472</v>
      </c>
      <c r="C2296" s="6">
        <v>11928310</v>
      </c>
    </row>
    <row r="2297" spans="2:3" x14ac:dyDescent="0.25">
      <c r="B2297" s="21">
        <v>42473</v>
      </c>
      <c r="C2297" s="6">
        <v>11852527</v>
      </c>
    </row>
    <row r="2298" spans="2:3" x14ac:dyDescent="0.25">
      <c r="B2298" s="21">
        <v>42474</v>
      </c>
      <c r="C2298" s="6">
        <v>11987436</v>
      </c>
    </row>
    <row r="2299" spans="2:3" x14ac:dyDescent="0.25">
      <c r="B2299" s="21">
        <v>42475</v>
      </c>
      <c r="C2299" s="6">
        <v>11866414</v>
      </c>
    </row>
    <row r="2300" spans="2:3" x14ac:dyDescent="0.25">
      <c r="B2300" s="21">
        <v>42476</v>
      </c>
      <c r="C2300" s="6">
        <v>10256482</v>
      </c>
    </row>
    <row r="2301" spans="2:3" x14ac:dyDescent="0.25">
      <c r="B2301" s="21">
        <v>42477</v>
      </c>
      <c r="C2301" s="6">
        <v>9964271</v>
      </c>
    </row>
    <row r="2302" spans="2:3" x14ac:dyDescent="0.25">
      <c r="B2302" s="21">
        <v>42478</v>
      </c>
      <c r="C2302" s="6">
        <v>11797934</v>
      </c>
    </row>
    <row r="2303" spans="2:3" x14ac:dyDescent="0.25">
      <c r="B2303" s="21">
        <v>42479</v>
      </c>
      <c r="C2303" s="6">
        <v>11968099</v>
      </c>
    </row>
    <row r="2304" spans="2:3" x14ac:dyDescent="0.25">
      <c r="B2304" s="21">
        <v>42480</v>
      </c>
      <c r="C2304" s="6">
        <v>11980931</v>
      </c>
    </row>
    <row r="2305" spans="2:3" x14ac:dyDescent="0.25">
      <c r="B2305" s="21">
        <v>42481</v>
      </c>
      <c r="C2305" s="6">
        <v>11861494</v>
      </c>
    </row>
    <row r="2306" spans="2:3" x14ac:dyDescent="0.25">
      <c r="B2306" s="21">
        <v>42482</v>
      </c>
      <c r="C2306" s="6">
        <v>11641491</v>
      </c>
    </row>
    <row r="2307" spans="2:3" x14ac:dyDescent="0.25">
      <c r="B2307" s="21">
        <v>42483</v>
      </c>
      <c r="C2307" s="6">
        <v>10277303</v>
      </c>
    </row>
    <row r="2308" spans="2:3" x14ac:dyDescent="0.25">
      <c r="B2308" s="21">
        <v>42484</v>
      </c>
      <c r="C2308" s="6">
        <v>10227154</v>
      </c>
    </row>
    <row r="2309" spans="2:3" x14ac:dyDescent="0.25">
      <c r="B2309" s="21">
        <v>42485</v>
      </c>
      <c r="C2309" s="6">
        <v>12246319</v>
      </c>
    </row>
    <row r="2310" spans="2:3" x14ac:dyDescent="0.25">
      <c r="B2310" s="21">
        <v>42486</v>
      </c>
      <c r="C2310" s="6">
        <v>12579443</v>
      </c>
    </row>
    <row r="2311" spans="2:3" x14ac:dyDescent="0.25">
      <c r="B2311" s="21">
        <v>42487</v>
      </c>
      <c r="C2311" s="6">
        <v>12826174</v>
      </c>
    </row>
    <row r="2312" spans="2:3" x14ac:dyDescent="0.25">
      <c r="B2312" s="21">
        <v>42488</v>
      </c>
      <c r="C2312" s="6">
        <v>12603986</v>
      </c>
    </row>
    <row r="2313" spans="2:3" x14ac:dyDescent="0.25">
      <c r="B2313" s="21">
        <v>42489</v>
      </c>
      <c r="C2313" s="6">
        <v>12167354</v>
      </c>
    </row>
    <row r="2314" spans="2:3" x14ac:dyDescent="0.25">
      <c r="B2314" s="21">
        <v>42490</v>
      </c>
      <c r="C2314" s="6">
        <v>10259370</v>
      </c>
    </row>
    <row r="2315" spans="2:3" x14ac:dyDescent="0.25">
      <c r="B2315" s="21">
        <v>42491</v>
      </c>
      <c r="C2315" s="6">
        <v>9750388</v>
      </c>
    </row>
    <row r="2316" spans="2:3" x14ac:dyDescent="0.25">
      <c r="B2316" s="21">
        <v>42492</v>
      </c>
      <c r="C2316" s="6">
        <v>11526006</v>
      </c>
    </row>
    <row r="2317" spans="2:3" x14ac:dyDescent="0.25">
      <c r="B2317" s="21">
        <v>42493</v>
      </c>
      <c r="C2317" s="6">
        <v>11745264</v>
      </c>
    </row>
    <row r="2318" spans="2:3" x14ac:dyDescent="0.25">
      <c r="B2318" s="21">
        <v>42494</v>
      </c>
      <c r="C2318" s="6">
        <v>12013019</v>
      </c>
    </row>
    <row r="2319" spans="2:3" x14ac:dyDescent="0.25">
      <c r="B2319" s="21">
        <v>42495</v>
      </c>
      <c r="C2319" s="6">
        <v>11617102</v>
      </c>
    </row>
    <row r="2320" spans="2:3" x14ac:dyDescent="0.25">
      <c r="B2320" s="21">
        <v>42496</v>
      </c>
      <c r="C2320" s="6">
        <v>11332150</v>
      </c>
    </row>
    <row r="2321" spans="2:3" x14ac:dyDescent="0.25">
      <c r="B2321" s="21">
        <v>42497</v>
      </c>
      <c r="C2321" s="6">
        <v>9732382</v>
      </c>
    </row>
    <row r="2322" spans="2:3" x14ac:dyDescent="0.25">
      <c r="B2322" s="21">
        <v>42498</v>
      </c>
      <c r="C2322" s="6">
        <v>9336025</v>
      </c>
    </row>
    <row r="2323" spans="2:3" x14ac:dyDescent="0.25">
      <c r="B2323" s="21">
        <v>42499</v>
      </c>
      <c r="C2323" s="6">
        <v>11214093</v>
      </c>
    </row>
    <row r="2324" spans="2:3" x14ac:dyDescent="0.25">
      <c r="B2324" s="21">
        <v>42500</v>
      </c>
      <c r="C2324" s="6">
        <v>11410873</v>
      </c>
    </row>
    <row r="2325" spans="2:3" x14ac:dyDescent="0.25">
      <c r="B2325" s="21">
        <v>42501</v>
      </c>
      <c r="C2325" s="6">
        <v>11520383</v>
      </c>
    </row>
    <row r="2326" spans="2:3" x14ac:dyDescent="0.25">
      <c r="B2326" s="21">
        <v>42502</v>
      </c>
      <c r="C2326" s="6">
        <v>11626140</v>
      </c>
    </row>
    <row r="2327" spans="2:3" x14ac:dyDescent="0.25">
      <c r="B2327" s="21">
        <v>42503</v>
      </c>
      <c r="C2327" s="6">
        <v>11372343</v>
      </c>
    </row>
    <row r="2328" spans="2:3" x14ac:dyDescent="0.25">
      <c r="B2328" s="21">
        <v>42504</v>
      </c>
      <c r="C2328" s="6">
        <v>9732877</v>
      </c>
    </row>
    <row r="2329" spans="2:3" x14ac:dyDescent="0.25">
      <c r="B2329" s="21">
        <v>42505</v>
      </c>
      <c r="C2329" s="6">
        <v>9678726</v>
      </c>
    </row>
    <row r="2330" spans="2:3" x14ac:dyDescent="0.25">
      <c r="B2330" s="21">
        <v>42506</v>
      </c>
      <c r="C2330" s="6">
        <v>11482655</v>
      </c>
    </row>
    <row r="2331" spans="2:3" x14ac:dyDescent="0.25">
      <c r="B2331" s="21">
        <v>42507</v>
      </c>
      <c r="C2331" s="6">
        <v>11754758</v>
      </c>
    </row>
    <row r="2332" spans="2:3" x14ac:dyDescent="0.25">
      <c r="B2332" s="21">
        <v>42508</v>
      </c>
      <c r="C2332" s="6">
        <v>11683590</v>
      </c>
    </row>
    <row r="2333" spans="2:3" x14ac:dyDescent="0.25">
      <c r="B2333" s="21">
        <v>42509</v>
      </c>
      <c r="C2333" s="6">
        <v>11529728</v>
      </c>
    </row>
    <row r="2334" spans="2:3" x14ac:dyDescent="0.25">
      <c r="B2334" s="21">
        <v>42510</v>
      </c>
      <c r="C2334" s="6">
        <v>11283025</v>
      </c>
    </row>
    <row r="2335" spans="2:3" x14ac:dyDescent="0.25">
      <c r="B2335" s="21">
        <v>42511</v>
      </c>
      <c r="C2335" s="6">
        <v>9696885</v>
      </c>
    </row>
    <row r="2336" spans="2:3" x14ac:dyDescent="0.25">
      <c r="B2336" s="21">
        <v>42512</v>
      </c>
      <c r="C2336" s="6">
        <v>9375470</v>
      </c>
    </row>
    <row r="2337" spans="2:3" x14ac:dyDescent="0.25">
      <c r="B2337" s="21">
        <v>42513</v>
      </c>
      <c r="C2337" s="6">
        <v>11211802</v>
      </c>
    </row>
    <row r="2338" spans="2:3" x14ac:dyDescent="0.25">
      <c r="B2338" s="21">
        <v>42514</v>
      </c>
      <c r="C2338" s="6">
        <v>11329159</v>
      </c>
    </row>
    <row r="2339" spans="2:3" x14ac:dyDescent="0.25">
      <c r="B2339" s="21">
        <v>42515</v>
      </c>
      <c r="C2339" s="6">
        <v>11370915</v>
      </c>
    </row>
    <row r="2340" spans="2:3" x14ac:dyDescent="0.25">
      <c r="B2340" s="21">
        <v>42516</v>
      </c>
      <c r="C2340" s="6">
        <v>11273155</v>
      </c>
    </row>
    <row r="2341" spans="2:3" x14ac:dyDescent="0.25">
      <c r="B2341" s="21">
        <v>42517</v>
      </c>
      <c r="C2341" s="6">
        <v>11017637</v>
      </c>
    </row>
    <row r="2342" spans="2:3" x14ac:dyDescent="0.25">
      <c r="B2342" s="21">
        <v>42518</v>
      </c>
      <c r="C2342" s="6">
        <v>9611823</v>
      </c>
    </row>
    <row r="2343" spans="2:3" x14ac:dyDescent="0.25">
      <c r="B2343" s="21">
        <v>42519</v>
      </c>
      <c r="C2343" s="6">
        <v>9400295</v>
      </c>
    </row>
    <row r="2344" spans="2:3" x14ac:dyDescent="0.25">
      <c r="B2344" s="21">
        <v>42520</v>
      </c>
      <c r="C2344" s="6">
        <v>11198192</v>
      </c>
    </row>
    <row r="2345" spans="2:3" x14ac:dyDescent="0.25">
      <c r="B2345" s="21">
        <v>42521</v>
      </c>
      <c r="C2345" s="6">
        <v>11435462</v>
      </c>
    </row>
    <row r="2346" spans="2:3" x14ac:dyDescent="0.25">
      <c r="B2346" s="21">
        <v>42522</v>
      </c>
      <c r="C2346" s="6">
        <v>11353269</v>
      </c>
    </row>
    <row r="2347" spans="2:3" x14ac:dyDescent="0.25">
      <c r="B2347" s="21">
        <v>42523</v>
      </c>
      <c r="C2347" s="6">
        <v>11372885</v>
      </c>
    </row>
    <row r="2348" spans="2:3" x14ac:dyDescent="0.25">
      <c r="B2348" s="21">
        <v>42524</v>
      </c>
      <c r="C2348" s="6">
        <v>11239536</v>
      </c>
    </row>
    <row r="2349" spans="2:3" x14ac:dyDescent="0.25">
      <c r="B2349" s="21">
        <v>42525</v>
      </c>
      <c r="C2349" s="6">
        <v>9591451</v>
      </c>
    </row>
    <row r="2350" spans="2:3" x14ac:dyDescent="0.25">
      <c r="B2350" s="21">
        <v>42526</v>
      </c>
      <c r="C2350" s="6">
        <v>9348395</v>
      </c>
    </row>
    <row r="2351" spans="2:3" x14ac:dyDescent="0.25">
      <c r="B2351" s="21">
        <v>42527</v>
      </c>
      <c r="C2351" s="6">
        <v>11099910</v>
      </c>
    </row>
    <row r="2352" spans="2:3" x14ac:dyDescent="0.25">
      <c r="B2352" s="21">
        <v>42528</v>
      </c>
      <c r="C2352" s="6">
        <v>11147936</v>
      </c>
    </row>
    <row r="2353" spans="2:3" x14ac:dyDescent="0.25">
      <c r="B2353" s="21">
        <v>42529</v>
      </c>
      <c r="C2353" s="6">
        <v>11188182</v>
      </c>
    </row>
    <row r="2354" spans="2:3" x14ac:dyDescent="0.25">
      <c r="B2354" s="21">
        <v>42530</v>
      </c>
      <c r="C2354" s="6">
        <v>11079444</v>
      </c>
    </row>
    <row r="2355" spans="2:3" x14ac:dyDescent="0.25">
      <c r="B2355" s="21">
        <v>42531</v>
      </c>
      <c r="C2355" s="6">
        <v>10842718</v>
      </c>
    </row>
    <row r="2356" spans="2:3" x14ac:dyDescent="0.25">
      <c r="B2356" s="21">
        <v>42532</v>
      </c>
      <c r="C2356" s="6">
        <v>9359526</v>
      </c>
    </row>
    <row r="2357" spans="2:3" x14ac:dyDescent="0.25">
      <c r="B2357" s="21">
        <v>42533</v>
      </c>
      <c r="C2357" s="6">
        <v>9165555</v>
      </c>
    </row>
    <row r="2358" spans="2:3" x14ac:dyDescent="0.25">
      <c r="B2358" s="21">
        <v>42534</v>
      </c>
      <c r="C2358" s="6">
        <v>11098883</v>
      </c>
    </row>
    <row r="2359" spans="2:3" x14ac:dyDescent="0.25">
      <c r="B2359" s="21">
        <v>42535</v>
      </c>
      <c r="C2359" s="6">
        <v>11208014</v>
      </c>
    </row>
    <row r="2360" spans="2:3" x14ac:dyDescent="0.25">
      <c r="B2360" s="21">
        <v>42536</v>
      </c>
      <c r="C2360" s="6">
        <v>11185056</v>
      </c>
    </row>
    <row r="2361" spans="2:3" x14ac:dyDescent="0.25">
      <c r="B2361" s="21">
        <v>42537</v>
      </c>
      <c r="C2361" s="6">
        <v>11105131</v>
      </c>
    </row>
    <row r="2362" spans="2:3" x14ac:dyDescent="0.25">
      <c r="B2362" s="21">
        <v>42538</v>
      </c>
      <c r="C2362" s="6">
        <v>10954571</v>
      </c>
    </row>
    <row r="2363" spans="2:3" x14ac:dyDescent="0.25">
      <c r="B2363" s="21">
        <v>42539</v>
      </c>
      <c r="C2363" s="6">
        <v>9343992</v>
      </c>
    </row>
    <row r="2364" spans="2:3" x14ac:dyDescent="0.25">
      <c r="B2364" s="21">
        <v>42540</v>
      </c>
      <c r="C2364" s="6">
        <v>9144256</v>
      </c>
    </row>
    <row r="2365" spans="2:3" x14ac:dyDescent="0.25">
      <c r="B2365" s="21">
        <v>42541</v>
      </c>
      <c r="C2365" s="6">
        <v>11036283</v>
      </c>
    </row>
    <row r="2366" spans="2:3" x14ac:dyDescent="0.25">
      <c r="B2366" s="21">
        <v>42542</v>
      </c>
      <c r="C2366" s="6">
        <v>11062002</v>
      </c>
    </row>
    <row r="2367" spans="2:3" x14ac:dyDescent="0.25">
      <c r="B2367" s="21">
        <v>42543</v>
      </c>
      <c r="C2367" s="6">
        <v>11247888</v>
      </c>
    </row>
    <row r="2368" spans="2:3" x14ac:dyDescent="0.25">
      <c r="B2368" s="21">
        <v>42544</v>
      </c>
      <c r="C2368" s="6">
        <v>11363019</v>
      </c>
    </row>
    <row r="2369" spans="2:3" x14ac:dyDescent="0.25">
      <c r="B2369" s="21">
        <v>42545</v>
      </c>
      <c r="C2369" s="6">
        <v>11283252</v>
      </c>
    </row>
    <row r="2370" spans="2:3" x14ac:dyDescent="0.25">
      <c r="B2370" s="21">
        <v>42546</v>
      </c>
      <c r="C2370" s="6">
        <v>9782526</v>
      </c>
    </row>
    <row r="2371" spans="2:3" x14ac:dyDescent="0.25">
      <c r="B2371" s="21">
        <v>42547</v>
      </c>
      <c r="C2371" s="6">
        <v>9260239</v>
      </c>
    </row>
    <row r="2372" spans="2:3" x14ac:dyDescent="0.25">
      <c r="B2372" s="21">
        <v>42548</v>
      </c>
      <c r="C2372" s="6">
        <v>11077384</v>
      </c>
    </row>
    <row r="2373" spans="2:3" x14ac:dyDescent="0.25">
      <c r="B2373" s="21">
        <v>42549</v>
      </c>
      <c r="C2373" s="6">
        <v>11213285</v>
      </c>
    </row>
    <row r="2374" spans="2:3" x14ac:dyDescent="0.25">
      <c r="B2374" s="21">
        <v>42550</v>
      </c>
      <c r="C2374" s="6">
        <v>11411329</v>
      </c>
    </row>
    <row r="2375" spans="2:3" x14ac:dyDescent="0.25">
      <c r="B2375" s="21">
        <v>42551</v>
      </c>
      <c r="C2375" s="6">
        <v>11403233</v>
      </c>
    </row>
    <row r="2376" spans="2:3" x14ac:dyDescent="0.25">
      <c r="B2376" s="21">
        <v>42552</v>
      </c>
      <c r="C2376" s="6">
        <v>11162007</v>
      </c>
    </row>
    <row r="2377" spans="2:3" x14ac:dyDescent="0.25">
      <c r="B2377" s="21">
        <v>42553</v>
      </c>
      <c r="C2377" s="6">
        <v>9479087</v>
      </c>
    </row>
    <row r="2378" spans="2:3" x14ac:dyDescent="0.25">
      <c r="B2378" s="21">
        <v>42554</v>
      </c>
      <c r="C2378" s="6">
        <v>8926710</v>
      </c>
    </row>
    <row r="2379" spans="2:3" x14ac:dyDescent="0.25">
      <c r="B2379" s="21">
        <v>42555</v>
      </c>
      <c r="C2379" s="6">
        <v>9716774</v>
      </c>
    </row>
    <row r="2380" spans="2:3" x14ac:dyDescent="0.25">
      <c r="B2380" s="21">
        <v>42556</v>
      </c>
      <c r="C2380" s="6">
        <v>9184842</v>
      </c>
    </row>
    <row r="2381" spans="2:3" x14ac:dyDescent="0.25">
      <c r="B2381" s="21">
        <v>42557</v>
      </c>
      <c r="C2381" s="6">
        <v>9168341</v>
      </c>
    </row>
    <row r="2382" spans="2:3" x14ac:dyDescent="0.25">
      <c r="B2382" s="21">
        <v>42558</v>
      </c>
      <c r="C2382" s="6">
        <v>10394536</v>
      </c>
    </row>
    <row r="2383" spans="2:3" x14ac:dyDescent="0.25">
      <c r="B2383" s="21">
        <v>42559</v>
      </c>
      <c r="C2383" s="6">
        <v>10466052</v>
      </c>
    </row>
    <row r="2384" spans="2:3" x14ac:dyDescent="0.25">
      <c r="B2384" s="21">
        <v>42560</v>
      </c>
      <c r="C2384" s="6">
        <v>9290786</v>
      </c>
    </row>
    <row r="2385" spans="2:3" x14ac:dyDescent="0.25">
      <c r="B2385" s="21">
        <v>42561</v>
      </c>
      <c r="C2385" s="6">
        <v>9125868</v>
      </c>
    </row>
    <row r="2386" spans="2:3" x14ac:dyDescent="0.25">
      <c r="B2386" s="21">
        <v>42562</v>
      </c>
      <c r="C2386" s="6">
        <v>10819242</v>
      </c>
    </row>
    <row r="2387" spans="2:3" x14ac:dyDescent="0.25">
      <c r="B2387" s="21">
        <v>42563</v>
      </c>
      <c r="C2387" s="6">
        <v>11046771</v>
      </c>
    </row>
    <row r="2388" spans="2:3" x14ac:dyDescent="0.25">
      <c r="B2388" s="21">
        <v>42564</v>
      </c>
      <c r="C2388" s="6">
        <v>10852052</v>
      </c>
    </row>
    <row r="2389" spans="2:3" x14ac:dyDescent="0.25">
      <c r="B2389" s="21">
        <v>42565</v>
      </c>
      <c r="C2389" s="6">
        <v>10820613</v>
      </c>
    </row>
    <row r="2390" spans="2:3" x14ac:dyDescent="0.25">
      <c r="B2390" s="21">
        <v>42566</v>
      </c>
      <c r="C2390" s="6">
        <v>10507539</v>
      </c>
    </row>
    <row r="2391" spans="2:3" x14ac:dyDescent="0.25">
      <c r="B2391" s="21">
        <v>42567</v>
      </c>
      <c r="C2391" s="6">
        <v>9172096</v>
      </c>
    </row>
    <row r="2392" spans="2:3" x14ac:dyDescent="0.25">
      <c r="B2392" s="21">
        <v>42568</v>
      </c>
      <c r="C2392" s="6">
        <v>8935846</v>
      </c>
    </row>
    <row r="2393" spans="2:3" x14ac:dyDescent="0.25">
      <c r="B2393" s="21">
        <v>42569</v>
      </c>
      <c r="C2393" s="6">
        <v>10723416</v>
      </c>
    </row>
    <row r="2394" spans="2:3" x14ac:dyDescent="0.25">
      <c r="B2394" s="21">
        <v>42570</v>
      </c>
      <c r="C2394" s="6">
        <v>10919330</v>
      </c>
    </row>
    <row r="2395" spans="2:3" x14ac:dyDescent="0.25">
      <c r="B2395" s="21">
        <v>42571</v>
      </c>
      <c r="C2395" s="6">
        <v>10922544</v>
      </c>
    </row>
    <row r="2396" spans="2:3" x14ac:dyDescent="0.25">
      <c r="B2396" s="21">
        <v>42572</v>
      </c>
      <c r="C2396" s="6">
        <v>10966221</v>
      </c>
    </row>
    <row r="2397" spans="2:3" x14ac:dyDescent="0.25">
      <c r="B2397" s="21">
        <v>42573</v>
      </c>
      <c r="C2397" s="6">
        <v>10786464</v>
      </c>
    </row>
    <row r="2398" spans="2:3" x14ac:dyDescent="0.25">
      <c r="B2398" s="21">
        <v>42574</v>
      </c>
      <c r="C2398" s="6">
        <v>9297358</v>
      </c>
    </row>
    <row r="2399" spans="2:3" x14ac:dyDescent="0.25">
      <c r="B2399" s="21">
        <v>42575</v>
      </c>
      <c r="C2399" s="6">
        <v>9058547</v>
      </c>
    </row>
    <row r="2400" spans="2:3" x14ac:dyDescent="0.25">
      <c r="B2400" s="21">
        <v>42576</v>
      </c>
      <c r="C2400" s="6">
        <v>10702888</v>
      </c>
    </row>
    <row r="2401" spans="2:3" x14ac:dyDescent="0.25">
      <c r="B2401" s="21">
        <v>42577</v>
      </c>
      <c r="C2401" s="6">
        <v>10862368</v>
      </c>
    </row>
    <row r="2402" spans="2:3" x14ac:dyDescent="0.25">
      <c r="B2402" s="21">
        <v>42578</v>
      </c>
      <c r="C2402" s="6">
        <v>10839287</v>
      </c>
    </row>
    <row r="2403" spans="2:3" x14ac:dyDescent="0.25">
      <c r="B2403" s="21">
        <v>42579</v>
      </c>
      <c r="C2403" s="6">
        <v>10773830</v>
      </c>
    </row>
    <row r="2404" spans="2:3" x14ac:dyDescent="0.25">
      <c r="B2404" s="21">
        <v>42580</v>
      </c>
      <c r="C2404" s="6">
        <v>10490126</v>
      </c>
    </row>
    <row r="2405" spans="2:3" x14ac:dyDescent="0.25">
      <c r="B2405" s="21">
        <v>42581</v>
      </c>
      <c r="C2405" s="6">
        <v>9221549</v>
      </c>
    </row>
    <row r="2406" spans="2:3" x14ac:dyDescent="0.25">
      <c r="B2406" s="21">
        <v>42582</v>
      </c>
      <c r="C2406" s="6">
        <v>8973862</v>
      </c>
    </row>
    <row r="2407" spans="2:3" x14ac:dyDescent="0.25">
      <c r="B2407" s="21">
        <v>42583</v>
      </c>
      <c r="C2407" s="6">
        <v>10157395</v>
      </c>
    </row>
    <row r="2408" spans="2:3" x14ac:dyDescent="0.25">
      <c r="B2408" s="21">
        <v>42584</v>
      </c>
      <c r="C2408" s="6">
        <v>10280513</v>
      </c>
    </row>
    <row r="2409" spans="2:3" x14ac:dyDescent="0.25">
      <c r="B2409" s="21">
        <v>42585</v>
      </c>
      <c r="C2409" s="6">
        <v>10338700</v>
      </c>
    </row>
    <row r="2410" spans="2:3" x14ac:dyDescent="0.25">
      <c r="B2410" s="21">
        <v>42586</v>
      </c>
      <c r="C2410" s="6">
        <v>10503958</v>
      </c>
    </row>
    <row r="2411" spans="2:3" x14ac:dyDescent="0.25">
      <c r="B2411" s="21">
        <v>42587</v>
      </c>
      <c r="C2411" s="6">
        <v>10333688</v>
      </c>
    </row>
    <row r="2412" spans="2:3" x14ac:dyDescent="0.25">
      <c r="B2412" s="21">
        <v>42588</v>
      </c>
      <c r="C2412" s="6">
        <v>8921925</v>
      </c>
    </row>
    <row r="2413" spans="2:3" x14ac:dyDescent="0.25">
      <c r="B2413" s="21">
        <v>42589</v>
      </c>
      <c r="C2413" s="6">
        <v>8713779</v>
      </c>
    </row>
    <row r="2414" spans="2:3" x14ac:dyDescent="0.25">
      <c r="B2414" s="21">
        <v>42590</v>
      </c>
      <c r="C2414" s="6">
        <v>10507880</v>
      </c>
    </row>
    <row r="2415" spans="2:3" x14ac:dyDescent="0.25">
      <c r="B2415" s="21">
        <v>42591</v>
      </c>
      <c r="C2415" s="6">
        <v>10649277</v>
      </c>
    </row>
    <row r="2416" spans="2:3" x14ac:dyDescent="0.25">
      <c r="B2416" s="21">
        <v>42592</v>
      </c>
      <c r="C2416" s="6">
        <v>10602543</v>
      </c>
    </row>
    <row r="2417" spans="2:3" x14ac:dyDescent="0.25">
      <c r="B2417" s="21">
        <v>42593</v>
      </c>
      <c r="C2417" s="6">
        <v>10572665</v>
      </c>
    </row>
    <row r="2418" spans="2:3" x14ac:dyDescent="0.25">
      <c r="B2418" s="21">
        <v>42594</v>
      </c>
      <c r="C2418" s="6">
        <v>10358805</v>
      </c>
    </row>
    <row r="2419" spans="2:3" x14ac:dyDescent="0.25">
      <c r="B2419" s="21">
        <v>42595</v>
      </c>
      <c r="C2419" s="6">
        <v>9080812</v>
      </c>
    </row>
    <row r="2420" spans="2:3" x14ac:dyDescent="0.25">
      <c r="B2420" s="21">
        <v>42596</v>
      </c>
      <c r="C2420" s="6">
        <v>8937707</v>
      </c>
    </row>
    <row r="2421" spans="2:3" x14ac:dyDescent="0.25">
      <c r="B2421" s="21">
        <v>42597</v>
      </c>
      <c r="C2421" s="6">
        <v>10702912</v>
      </c>
    </row>
    <row r="2422" spans="2:3" x14ac:dyDescent="0.25">
      <c r="B2422" s="21">
        <v>42598</v>
      </c>
      <c r="C2422" s="6">
        <v>10968342</v>
      </c>
    </row>
    <row r="2423" spans="2:3" x14ac:dyDescent="0.25">
      <c r="B2423" s="21">
        <v>42599</v>
      </c>
      <c r="C2423" s="6">
        <v>11019209</v>
      </c>
    </row>
    <row r="2424" spans="2:3" x14ac:dyDescent="0.25">
      <c r="B2424" s="21">
        <v>42600</v>
      </c>
      <c r="C2424" s="6">
        <v>10975557</v>
      </c>
    </row>
    <row r="2425" spans="2:3" x14ac:dyDescent="0.25">
      <c r="B2425" s="21">
        <v>42601</v>
      </c>
      <c r="C2425" s="6">
        <v>10864932</v>
      </c>
    </row>
    <row r="2426" spans="2:3" x14ac:dyDescent="0.25">
      <c r="B2426" s="21">
        <v>42602</v>
      </c>
      <c r="C2426" s="6">
        <v>9433831</v>
      </c>
    </row>
    <row r="2427" spans="2:3" x14ac:dyDescent="0.25">
      <c r="B2427" s="21">
        <v>42603</v>
      </c>
      <c r="C2427" s="6">
        <v>9128640</v>
      </c>
    </row>
    <row r="2428" spans="2:3" x14ac:dyDescent="0.25">
      <c r="B2428" s="21">
        <v>42604</v>
      </c>
      <c r="C2428" s="6">
        <v>10923734</v>
      </c>
    </row>
    <row r="2429" spans="2:3" x14ac:dyDescent="0.25">
      <c r="B2429" s="21">
        <v>42605</v>
      </c>
      <c r="C2429" s="6">
        <v>11236523</v>
      </c>
    </row>
    <row r="2430" spans="2:3" x14ac:dyDescent="0.25">
      <c r="B2430" s="21">
        <v>42606</v>
      </c>
      <c r="C2430" s="6">
        <v>11332279</v>
      </c>
    </row>
    <row r="2431" spans="2:3" x14ac:dyDescent="0.25">
      <c r="B2431" s="21">
        <v>42607</v>
      </c>
      <c r="C2431" s="6">
        <v>11299199</v>
      </c>
    </row>
    <row r="2432" spans="2:3" x14ac:dyDescent="0.25">
      <c r="B2432" s="21">
        <v>42608</v>
      </c>
      <c r="C2432" s="6">
        <v>11012643</v>
      </c>
    </row>
    <row r="2433" spans="2:3" x14ac:dyDescent="0.25">
      <c r="B2433" s="21">
        <v>42609</v>
      </c>
      <c r="C2433" s="6">
        <v>9500866</v>
      </c>
    </row>
    <row r="2434" spans="2:3" x14ac:dyDescent="0.25">
      <c r="B2434" s="21">
        <v>42610</v>
      </c>
      <c r="C2434" s="6">
        <v>9386785</v>
      </c>
    </row>
    <row r="2435" spans="2:3" x14ac:dyDescent="0.25">
      <c r="B2435" s="21">
        <v>42611</v>
      </c>
      <c r="C2435" s="6">
        <v>11244095</v>
      </c>
    </row>
    <row r="2436" spans="2:3" x14ac:dyDescent="0.25">
      <c r="B2436" s="21">
        <v>42612</v>
      </c>
      <c r="C2436" s="6">
        <v>11222212</v>
      </c>
    </row>
    <row r="2437" spans="2:3" x14ac:dyDescent="0.25">
      <c r="B2437" s="21">
        <v>42613</v>
      </c>
      <c r="C2437" s="6">
        <v>11244571</v>
      </c>
    </row>
    <row r="2438" spans="2:3" x14ac:dyDescent="0.25">
      <c r="B2438" s="21">
        <v>42614</v>
      </c>
      <c r="C2438" s="6">
        <v>11227959</v>
      </c>
    </row>
    <row r="2439" spans="2:3" x14ac:dyDescent="0.25">
      <c r="B2439" s="21">
        <v>42615</v>
      </c>
      <c r="C2439" s="6">
        <v>11119140</v>
      </c>
    </row>
    <row r="2440" spans="2:3" x14ac:dyDescent="0.25">
      <c r="B2440" s="21">
        <v>42616</v>
      </c>
      <c r="C2440" s="6">
        <v>9552192</v>
      </c>
    </row>
    <row r="2441" spans="2:3" x14ac:dyDescent="0.25">
      <c r="B2441" s="21">
        <v>42617</v>
      </c>
      <c r="C2441" s="6">
        <v>9407049</v>
      </c>
    </row>
    <row r="2442" spans="2:3" x14ac:dyDescent="0.25">
      <c r="B2442" s="21">
        <v>42618</v>
      </c>
      <c r="C2442" s="6">
        <v>11216824</v>
      </c>
    </row>
    <row r="2443" spans="2:3" x14ac:dyDescent="0.25">
      <c r="B2443" s="21">
        <v>42619</v>
      </c>
      <c r="C2443" s="6">
        <v>11305625</v>
      </c>
    </row>
    <row r="2444" spans="2:3" x14ac:dyDescent="0.25">
      <c r="B2444" s="21">
        <v>42620</v>
      </c>
      <c r="C2444" s="6">
        <v>11509642</v>
      </c>
    </row>
    <row r="2445" spans="2:3" x14ac:dyDescent="0.25">
      <c r="B2445" s="21">
        <v>42621</v>
      </c>
      <c r="C2445" s="6">
        <v>11442687</v>
      </c>
    </row>
    <row r="2446" spans="2:3" x14ac:dyDescent="0.25">
      <c r="B2446" s="21">
        <v>42622</v>
      </c>
      <c r="C2446" s="6">
        <v>11250804</v>
      </c>
    </row>
    <row r="2447" spans="2:3" x14ac:dyDescent="0.25">
      <c r="B2447" s="21">
        <v>42623</v>
      </c>
      <c r="C2447" s="6">
        <v>9750288</v>
      </c>
    </row>
    <row r="2448" spans="2:3" x14ac:dyDescent="0.25">
      <c r="B2448" s="21">
        <v>42624</v>
      </c>
      <c r="C2448" s="6">
        <v>9504694</v>
      </c>
    </row>
    <row r="2449" spans="2:3" x14ac:dyDescent="0.25">
      <c r="B2449" s="21">
        <v>42625</v>
      </c>
      <c r="C2449" s="6">
        <v>11486106</v>
      </c>
    </row>
    <row r="2450" spans="2:3" x14ac:dyDescent="0.25">
      <c r="B2450" s="21">
        <v>42626</v>
      </c>
      <c r="C2450" s="6">
        <v>11609138</v>
      </c>
    </row>
    <row r="2451" spans="2:3" x14ac:dyDescent="0.25">
      <c r="B2451" s="21">
        <v>42627</v>
      </c>
      <c r="C2451" s="6">
        <v>11674526</v>
      </c>
    </row>
    <row r="2452" spans="2:3" x14ac:dyDescent="0.25">
      <c r="B2452" s="21">
        <v>42628</v>
      </c>
      <c r="C2452" s="6">
        <v>11491988</v>
      </c>
    </row>
    <row r="2453" spans="2:3" x14ac:dyDescent="0.25">
      <c r="B2453" s="21">
        <v>42629</v>
      </c>
      <c r="C2453" s="6">
        <v>11257518</v>
      </c>
    </row>
    <row r="2454" spans="2:3" x14ac:dyDescent="0.25">
      <c r="B2454" s="21">
        <v>42630</v>
      </c>
      <c r="C2454" s="6">
        <v>9636325</v>
      </c>
    </row>
    <row r="2455" spans="2:3" x14ac:dyDescent="0.25">
      <c r="B2455" s="21">
        <v>42631</v>
      </c>
      <c r="C2455" s="6">
        <v>9301729</v>
      </c>
    </row>
    <row r="2456" spans="2:3" x14ac:dyDescent="0.25">
      <c r="B2456" s="21">
        <v>42632</v>
      </c>
      <c r="C2456" s="6">
        <v>11176997</v>
      </c>
    </row>
    <row r="2457" spans="2:3" x14ac:dyDescent="0.25">
      <c r="B2457" s="21">
        <v>42633</v>
      </c>
      <c r="C2457" s="6">
        <v>11255448</v>
      </c>
    </row>
    <row r="2458" spans="2:3" x14ac:dyDescent="0.25">
      <c r="B2458" s="21">
        <v>42634</v>
      </c>
      <c r="C2458" s="6">
        <v>11420406</v>
      </c>
    </row>
    <row r="2459" spans="2:3" x14ac:dyDescent="0.25">
      <c r="B2459" s="21">
        <v>42635</v>
      </c>
      <c r="C2459" s="6">
        <v>11467714</v>
      </c>
    </row>
    <row r="2460" spans="2:3" x14ac:dyDescent="0.25">
      <c r="B2460" s="21">
        <v>42636</v>
      </c>
      <c r="C2460" s="6">
        <v>11150227</v>
      </c>
    </row>
    <row r="2461" spans="2:3" x14ac:dyDescent="0.25">
      <c r="B2461" s="21">
        <v>42637</v>
      </c>
      <c r="C2461" s="6">
        <v>9885317</v>
      </c>
    </row>
    <row r="2462" spans="2:3" x14ac:dyDescent="0.25">
      <c r="B2462" s="21">
        <v>42638</v>
      </c>
      <c r="C2462" s="6">
        <v>9655086</v>
      </c>
    </row>
    <row r="2463" spans="2:3" x14ac:dyDescent="0.25">
      <c r="B2463" s="21">
        <v>42639</v>
      </c>
      <c r="C2463" s="6">
        <v>11426100</v>
      </c>
    </row>
    <row r="2464" spans="2:3" x14ac:dyDescent="0.25">
      <c r="B2464" s="21">
        <v>42640</v>
      </c>
      <c r="C2464" s="6">
        <v>11596580</v>
      </c>
    </row>
    <row r="2465" spans="2:3" x14ac:dyDescent="0.25">
      <c r="B2465" s="21">
        <v>42641</v>
      </c>
      <c r="C2465" s="6">
        <v>10450316</v>
      </c>
    </row>
    <row r="2466" spans="2:3" x14ac:dyDescent="0.25">
      <c r="B2466" s="21">
        <v>42642</v>
      </c>
      <c r="C2466" s="6">
        <v>11297284</v>
      </c>
    </row>
    <row r="2467" spans="2:3" x14ac:dyDescent="0.25">
      <c r="B2467" s="21">
        <v>42643</v>
      </c>
      <c r="C2467" s="6">
        <v>11007177</v>
      </c>
    </row>
    <row r="2468" spans="2:3" x14ac:dyDescent="0.25">
      <c r="B2468" s="21">
        <v>42644</v>
      </c>
      <c r="C2468" s="6">
        <v>9548038</v>
      </c>
    </row>
    <row r="2469" spans="2:3" x14ac:dyDescent="0.25">
      <c r="B2469" s="21">
        <v>42645</v>
      </c>
      <c r="C2469" s="6">
        <v>9686429</v>
      </c>
    </row>
    <row r="2470" spans="2:3" x14ac:dyDescent="0.25">
      <c r="B2470" s="21">
        <v>42646</v>
      </c>
      <c r="C2470" s="6">
        <v>11673791</v>
      </c>
    </row>
    <row r="2471" spans="2:3" x14ac:dyDescent="0.25">
      <c r="B2471" s="21">
        <v>42647</v>
      </c>
      <c r="C2471" s="6">
        <v>12091653</v>
      </c>
    </row>
    <row r="2472" spans="2:3" x14ac:dyDescent="0.25">
      <c r="B2472" s="21">
        <v>42648</v>
      </c>
      <c r="C2472" s="6">
        <v>12219277</v>
      </c>
    </row>
    <row r="2473" spans="2:3" x14ac:dyDescent="0.25">
      <c r="B2473" s="21">
        <v>42649</v>
      </c>
      <c r="C2473" s="6">
        <v>12375641</v>
      </c>
    </row>
    <row r="2474" spans="2:3" x14ac:dyDescent="0.25">
      <c r="B2474" s="21">
        <v>42650</v>
      </c>
      <c r="C2474" s="6">
        <v>12034176</v>
      </c>
    </row>
    <row r="2475" spans="2:3" x14ac:dyDescent="0.25">
      <c r="B2475" s="21">
        <v>42651</v>
      </c>
      <c r="C2475" s="6">
        <v>10686533</v>
      </c>
    </row>
    <row r="2476" spans="2:3" x14ac:dyDescent="0.25">
      <c r="B2476" s="21">
        <v>42652</v>
      </c>
      <c r="C2476" s="6">
        <v>10345747</v>
      </c>
    </row>
    <row r="2477" spans="2:3" x14ac:dyDescent="0.25">
      <c r="B2477" s="21">
        <v>42653</v>
      </c>
      <c r="C2477" s="6">
        <v>12185144</v>
      </c>
    </row>
    <row r="2478" spans="2:3" x14ac:dyDescent="0.25">
      <c r="B2478" s="21">
        <v>42654</v>
      </c>
      <c r="C2478" s="6">
        <v>12454875</v>
      </c>
    </row>
    <row r="2479" spans="2:3" x14ac:dyDescent="0.25">
      <c r="B2479" s="21">
        <v>42655</v>
      </c>
      <c r="C2479" s="6">
        <v>12618274</v>
      </c>
    </row>
    <row r="2480" spans="2:3" x14ac:dyDescent="0.25">
      <c r="B2480" s="21">
        <v>42656</v>
      </c>
      <c r="C2480" s="6">
        <v>12660223</v>
      </c>
    </row>
    <row r="2481" spans="2:3" x14ac:dyDescent="0.25">
      <c r="B2481" s="21">
        <v>42657</v>
      </c>
      <c r="C2481" s="6">
        <v>12508216</v>
      </c>
    </row>
    <row r="2482" spans="2:3" x14ac:dyDescent="0.25">
      <c r="B2482" s="21">
        <v>42658</v>
      </c>
      <c r="C2482" s="6">
        <v>10808807</v>
      </c>
    </row>
    <row r="2483" spans="2:3" x14ac:dyDescent="0.25">
      <c r="B2483" s="21">
        <v>42659</v>
      </c>
      <c r="C2483" s="6">
        <v>10417350</v>
      </c>
    </row>
    <row r="2484" spans="2:3" x14ac:dyDescent="0.25">
      <c r="B2484" s="21">
        <v>42660</v>
      </c>
      <c r="C2484" s="6">
        <v>12550767</v>
      </c>
    </row>
    <row r="2485" spans="2:3" x14ac:dyDescent="0.25">
      <c r="B2485" s="21">
        <v>42661</v>
      </c>
      <c r="C2485" s="6">
        <v>12685322</v>
      </c>
    </row>
    <row r="2486" spans="2:3" x14ac:dyDescent="0.25">
      <c r="B2486" s="21">
        <v>42662</v>
      </c>
      <c r="C2486" s="6">
        <v>12755225</v>
      </c>
    </row>
    <row r="2487" spans="2:3" x14ac:dyDescent="0.25">
      <c r="B2487" s="21">
        <v>42663</v>
      </c>
      <c r="C2487" s="6">
        <v>12706174</v>
      </c>
    </row>
    <row r="2488" spans="2:3" x14ac:dyDescent="0.25">
      <c r="B2488" s="21">
        <v>42664</v>
      </c>
      <c r="C2488" s="6">
        <v>12516115</v>
      </c>
    </row>
    <row r="2489" spans="2:3" x14ac:dyDescent="0.25">
      <c r="B2489" s="21">
        <v>42665</v>
      </c>
      <c r="C2489" s="6">
        <v>10925251</v>
      </c>
    </row>
    <row r="2490" spans="2:3" x14ac:dyDescent="0.25">
      <c r="B2490" s="21">
        <v>42666</v>
      </c>
      <c r="C2490" s="6">
        <v>10651605</v>
      </c>
    </row>
    <row r="2491" spans="2:3" x14ac:dyDescent="0.25">
      <c r="B2491" s="21">
        <v>42667</v>
      </c>
      <c r="C2491" s="6">
        <v>12508367</v>
      </c>
    </row>
    <row r="2492" spans="2:3" x14ac:dyDescent="0.25">
      <c r="B2492" s="21">
        <v>42668</v>
      </c>
      <c r="C2492" s="6">
        <v>12637452</v>
      </c>
    </row>
    <row r="2493" spans="2:3" x14ac:dyDescent="0.25">
      <c r="B2493" s="21">
        <v>42669</v>
      </c>
      <c r="C2493" s="6">
        <v>12638894</v>
      </c>
    </row>
    <row r="2494" spans="2:3" x14ac:dyDescent="0.25">
      <c r="B2494" s="21">
        <v>42670</v>
      </c>
      <c r="C2494" s="6">
        <v>12483996</v>
      </c>
    </row>
    <row r="2495" spans="2:3" x14ac:dyDescent="0.25">
      <c r="B2495" s="21">
        <v>42671</v>
      </c>
      <c r="C2495" s="6">
        <v>10883407</v>
      </c>
    </row>
    <row r="2496" spans="2:3" x14ac:dyDescent="0.25">
      <c r="B2496" s="21">
        <v>42672</v>
      </c>
      <c r="C2496" s="6">
        <v>10523016</v>
      </c>
    </row>
    <row r="2497" spans="2:3" x14ac:dyDescent="0.25">
      <c r="B2497" s="21">
        <v>42673</v>
      </c>
      <c r="C2497" s="6">
        <v>11053283</v>
      </c>
    </row>
    <row r="2498" spans="2:3" x14ac:dyDescent="0.25">
      <c r="B2498" s="21">
        <v>42674</v>
      </c>
      <c r="C2498" s="6">
        <v>12646222</v>
      </c>
    </row>
    <row r="2499" spans="2:3" x14ac:dyDescent="0.25">
      <c r="B2499" s="21">
        <v>42675</v>
      </c>
      <c r="C2499" s="6">
        <v>12736233</v>
      </c>
    </row>
    <row r="2500" spans="2:3" x14ac:dyDescent="0.25">
      <c r="B2500" s="21">
        <v>42676</v>
      </c>
      <c r="C2500" s="6">
        <v>12863432</v>
      </c>
    </row>
    <row r="2501" spans="2:3" x14ac:dyDescent="0.25">
      <c r="B2501" s="21">
        <v>42677</v>
      </c>
      <c r="C2501" s="6">
        <v>13177029</v>
      </c>
    </row>
    <row r="2502" spans="2:3" x14ac:dyDescent="0.25">
      <c r="B2502" s="21">
        <v>42678</v>
      </c>
      <c r="C2502" s="6">
        <v>13187546</v>
      </c>
    </row>
    <row r="2503" spans="2:3" x14ac:dyDescent="0.25">
      <c r="B2503" s="21">
        <v>42679</v>
      </c>
      <c r="C2503" s="6">
        <v>11501212</v>
      </c>
    </row>
    <row r="2504" spans="2:3" x14ac:dyDescent="0.25">
      <c r="B2504" s="21">
        <v>42680</v>
      </c>
      <c r="C2504" s="6">
        <v>11179144</v>
      </c>
    </row>
    <row r="2505" spans="2:3" x14ac:dyDescent="0.25">
      <c r="B2505" s="21">
        <v>42681</v>
      </c>
      <c r="C2505" s="6">
        <v>13057997</v>
      </c>
    </row>
    <row r="2506" spans="2:3" x14ac:dyDescent="0.25">
      <c r="B2506" s="21">
        <v>42682</v>
      </c>
      <c r="C2506" s="6">
        <v>13326290</v>
      </c>
    </row>
    <row r="2507" spans="2:3" x14ac:dyDescent="0.25">
      <c r="B2507" s="21">
        <v>42683</v>
      </c>
      <c r="C2507" s="6">
        <v>13463003</v>
      </c>
    </row>
    <row r="2508" spans="2:3" x14ac:dyDescent="0.25">
      <c r="B2508" s="21">
        <v>42684</v>
      </c>
      <c r="C2508" s="6">
        <v>13066337</v>
      </c>
    </row>
    <row r="2509" spans="2:3" x14ac:dyDescent="0.25">
      <c r="B2509" s="21">
        <v>42685</v>
      </c>
      <c r="C2509" s="6">
        <v>13372732</v>
      </c>
    </row>
    <row r="2510" spans="2:3" x14ac:dyDescent="0.25">
      <c r="B2510" s="21">
        <v>42686</v>
      </c>
      <c r="C2510" s="6">
        <v>12031486</v>
      </c>
    </row>
    <row r="2511" spans="2:3" x14ac:dyDescent="0.25">
      <c r="B2511" s="21">
        <v>42687</v>
      </c>
      <c r="C2511" s="6">
        <v>11778822</v>
      </c>
    </row>
    <row r="2512" spans="2:3" x14ac:dyDescent="0.25">
      <c r="B2512" s="21">
        <v>42688</v>
      </c>
      <c r="C2512" s="6">
        <v>13809457</v>
      </c>
    </row>
    <row r="2513" spans="2:3" x14ac:dyDescent="0.25">
      <c r="B2513" s="21">
        <v>42689</v>
      </c>
      <c r="C2513" s="6">
        <v>14093874</v>
      </c>
    </row>
    <row r="2514" spans="2:3" x14ac:dyDescent="0.25">
      <c r="B2514" s="21">
        <v>42690</v>
      </c>
      <c r="C2514" s="6">
        <v>13863781</v>
      </c>
    </row>
    <row r="2515" spans="2:3" x14ac:dyDescent="0.25">
      <c r="B2515" s="21">
        <v>42691</v>
      </c>
      <c r="C2515" s="6">
        <v>12330812</v>
      </c>
    </row>
    <row r="2516" spans="2:3" x14ac:dyDescent="0.25">
      <c r="B2516" s="21">
        <v>42692</v>
      </c>
      <c r="C2516" s="6">
        <v>12188945</v>
      </c>
    </row>
    <row r="2517" spans="2:3" x14ac:dyDescent="0.25">
      <c r="B2517" s="21">
        <v>42693</v>
      </c>
      <c r="C2517" s="6">
        <v>11263660</v>
      </c>
    </row>
    <row r="2518" spans="2:3" x14ac:dyDescent="0.25">
      <c r="B2518" s="21">
        <v>42694</v>
      </c>
      <c r="C2518" s="6">
        <v>10932830</v>
      </c>
    </row>
    <row r="2519" spans="2:3" x14ac:dyDescent="0.25">
      <c r="B2519" s="21">
        <v>42695</v>
      </c>
      <c r="C2519" s="6">
        <v>12833586</v>
      </c>
    </row>
    <row r="2520" spans="2:3" x14ac:dyDescent="0.25">
      <c r="B2520" s="21">
        <v>42696</v>
      </c>
      <c r="C2520" s="6">
        <v>12969462</v>
      </c>
    </row>
    <row r="2521" spans="2:3" x14ac:dyDescent="0.25">
      <c r="B2521" s="21">
        <v>42697</v>
      </c>
      <c r="C2521" s="6">
        <v>13072113</v>
      </c>
    </row>
    <row r="2522" spans="2:3" x14ac:dyDescent="0.25">
      <c r="B2522" s="21">
        <v>42698</v>
      </c>
      <c r="C2522" s="6">
        <v>13142607</v>
      </c>
    </row>
    <row r="2523" spans="2:3" x14ac:dyDescent="0.25">
      <c r="B2523" s="21">
        <v>42699</v>
      </c>
      <c r="C2523" s="6">
        <v>13093129</v>
      </c>
    </row>
    <row r="2524" spans="2:3" x14ac:dyDescent="0.25">
      <c r="B2524" s="21">
        <v>42700</v>
      </c>
      <c r="C2524" s="6">
        <v>11631457</v>
      </c>
    </row>
    <row r="2525" spans="2:3" x14ac:dyDescent="0.25">
      <c r="B2525" s="21">
        <v>42701</v>
      </c>
      <c r="C2525" s="6">
        <v>11372761</v>
      </c>
    </row>
    <row r="2526" spans="2:3" x14ac:dyDescent="0.25">
      <c r="B2526" s="21">
        <v>42702</v>
      </c>
      <c r="C2526" s="6">
        <v>13632757</v>
      </c>
    </row>
    <row r="2527" spans="2:3" x14ac:dyDescent="0.25">
      <c r="B2527" s="21">
        <v>42703</v>
      </c>
      <c r="C2527" s="6">
        <v>14025215</v>
      </c>
    </row>
    <row r="2528" spans="2:3" x14ac:dyDescent="0.25">
      <c r="B2528" s="21">
        <v>42704</v>
      </c>
      <c r="C2528" s="6">
        <v>14250892</v>
      </c>
    </row>
    <row r="2529" spans="2:3" x14ac:dyDescent="0.25">
      <c r="B2529" s="21">
        <v>42705</v>
      </c>
      <c r="C2529" s="6">
        <v>14022797</v>
      </c>
    </row>
    <row r="2530" spans="2:3" x14ac:dyDescent="0.25">
      <c r="B2530" s="21">
        <v>42706</v>
      </c>
      <c r="C2530" s="6">
        <v>13681497</v>
      </c>
    </row>
    <row r="2531" spans="2:3" x14ac:dyDescent="0.25">
      <c r="B2531" s="21">
        <v>42707</v>
      </c>
      <c r="C2531" s="6">
        <v>12607252</v>
      </c>
    </row>
    <row r="2532" spans="2:3" x14ac:dyDescent="0.25">
      <c r="B2532" s="21">
        <v>42708</v>
      </c>
      <c r="C2532" s="6">
        <v>12546678</v>
      </c>
    </row>
    <row r="2533" spans="2:3" x14ac:dyDescent="0.25">
      <c r="B2533" s="21">
        <v>42709</v>
      </c>
      <c r="C2533" s="6">
        <v>14718865</v>
      </c>
    </row>
    <row r="2534" spans="2:3" x14ac:dyDescent="0.25">
      <c r="B2534" s="21">
        <v>42710</v>
      </c>
      <c r="C2534" s="6">
        <v>14751255</v>
      </c>
    </row>
    <row r="2535" spans="2:3" x14ac:dyDescent="0.25">
      <c r="B2535" s="21">
        <v>42711</v>
      </c>
      <c r="C2535" s="6">
        <v>14588062</v>
      </c>
    </row>
    <row r="2536" spans="2:3" x14ac:dyDescent="0.25">
      <c r="B2536" s="21">
        <v>42712</v>
      </c>
      <c r="C2536" s="6">
        <v>14387144</v>
      </c>
    </row>
    <row r="2537" spans="2:3" x14ac:dyDescent="0.25">
      <c r="B2537" s="21">
        <v>42713</v>
      </c>
      <c r="C2537" s="6">
        <v>14113798</v>
      </c>
    </row>
    <row r="2538" spans="2:3" x14ac:dyDescent="0.25">
      <c r="B2538" s="21">
        <v>42714</v>
      </c>
      <c r="C2538" s="6">
        <v>12191732</v>
      </c>
    </row>
    <row r="2539" spans="2:3" x14ac:dyDescent="0.25">
      <c r="B2539" s="21">
        <v>42715</v>
      </c>
      <c r="C2539" s="6">
        <v>11907966</v>
      </c>
    </row>
    <row r="2540" spans="2:3" x14ac:dyDescent="0.25">
      <c r="B2540" s="21">
        <v>42716</v>
      </c>
      <c r="C2540" s="6">
        <v>13660832</v>
      </c>
    </row>
    <row r="2541" spans="2:3" x14ac:dyDescent="0.25">
      <c r="B2541" s="21">
        <v>42717</v>
      </c>
      <c r="C2541" s="6">
        <v>14238035</v>
      </c>
    </row>
    <row r="2542" spans="2:3" x14ac:dyDescent="0.25">
      <c r="B2542" s="21">
        <v>42718</v>
      </c>
      <c r="C2542" s="6">
        <v>14255698</v>
      </c>
    </row>
    <row r="2543" spans="2:3" x14ac:dyDescent="0.25">
      <c r="B2543" s="21">
        <v>42719</v>
      </c>
      <c r="C2543" s="6">
        <v>14256676</v>
      </c>
    </row>
    <row r="2544" spans="2:3" x14ac:dyDescent="0.25">
      <c r="B2544" s="21">
        <v>42720</v>
      </c>
      <c r="C2544" s="6">
        <v>13977456</v>
      </c>
    </row>
    <row r="2545" spans="2:3" x14ac:dyDescent="0.25">
      <c r="B2545" s="21">
        <v>42721</v>
      </c>
      <c r="C2545" s="6">
        <v>12628218</v>
      </c>
    </row>
    <row r="2546" spans="2:3" x14ac:dyDescent="0.25">
      <c r="B2546" s="21">
        <v>42722</v>
      </c>
      <c r="C2546" s="6">
        <v>12347643</v>
      </c>
    </row>
    <row r="2547" spans="2:3" x14ac:dyDescent="0.25">
      <c r="B2547" s="21">
        <v>42723</v>
      </c>
      <c r="C2547" s="6">
        <v>13905990</v>
      </c>
    </row>
    <row r="2548" spans="2:3" x14ac:dyDescent="0.25">
      <c r="B2548" s="21">
        <v>42724</v>
      </c>
      <c r="C2548" s="6">
        <v>14069740</v>
      </c>
    </row>
    <row r="2549" spans="2:3" x14ac:dyDescent="0.25">
      <c r="B2549" s="21">
        <v>42725</v>
      </c>
      <c r="C2549" s="6">
        <v>13784041</v>
      </c>
    </row>
    <row r="2550" spans="2:3" x14ac:dyDescent="0.25">
      <c r="B2550" s="21">
        <v>42726</v>
      </c>
      <c r="C2550" s="6">
        <v>13437889</v>
      </c>
    </row>
    <row r="2551" spans="2:3" x14ac:dyDescent="0.25">
      <c r="B2551" s="21">
        <v>42727</v>
      </c>
      <c r="C2551" s="6">
        <v>12555190</v>
      </c>
    </row>
    <row r="2552" spans="2:3" x14ac:dyDescent="0.25">
      <c r="B2552" s="21">
        <v>42728</v>
      </c>
      <c r="C2552" s="6">
        <v>10476555</v>
      </c>
    </row>
    <row r="2553" spans="2:3" x14ac:dyDescent="0.25">
      <c r="B2553" s="21">
        <v>42729</v>
      </c>
      <c r="C2553" s="6">
        <v>9708210</v>
      </c>
    </row>
    <row r="2554" spans="2:3" x14ac:dyDescent="0.25">
      <c r="B2554" s="21">
        <v>42730</v>
      </c>
      <c r="C2554" s="6">
        <v>9720226</v>
      </c>
    </row>
    <row r="2555" spans="2:3" x14ac:dyDescent="0.25">
      <c r="B2555" s="21">
        <v>42731</v>
      </c>
      <c r="C2555" s="6">
        <v>10931214</v>
      </c>
    </row>
    <row r="2556" spans="2:3" x14ac:dyDescent="0.25">
      <c r="B2556" s="21">
        <v>42732</v>
      </c>
      <c r="C2556" s="6">
        <v>11278361</v>
      </c>
    </row>
    <row r="2557" spans="2:3" x14ac:dyDescent="0.25">
      <c r="B2557" s="21">
        <v>42733</v>
      </c>
      <c r="C2557" s="6">
        <v>11498808</v>
      </c>
    </row>
    <row r="2558" spans="2:3" x14ac:dyDescent="0.25">
      <c r="B2558" s="21">
        <v>42734</v>
      </c>
      <c r="C2558" s="6">
        <v>11632102</v>
      </c>
    </row>
    <row r="2559" spans="2:3" x14ac:dyDescent="0.25">
      <c r="B2559" s="21">
        <v>42735</v>
      </c>
      <c r="C2559" s="6">
        <v>11032984</v>
      </c>
    </row>
    <row r="2560" spans="2:3" x14ac:dyDescent="0.25">
      <c r="B2560" s="21">
        <v>42736</v>
      </c>
      <c r="C2560" s="6">
        <v>10776307</v>
      </c>
    </row>
    <row r="2561" spans="2:3" x14ac:dyDescent="0.25">
      <c r="B2561" s="21">
        <v>42737</v>
      </c>
      <c r="C2561" s="6">
        <v>13581931</v>
      </c>
    </row>
    <row r="2562" spans="2:3" x14ac:dyDescent="0.25">
      <c r="B2562" s="21">
        <v>42738</v>
      </c>
      <c r="C2562" s="6">
        <v>14045077</v>
      </c>
    </row>
    <row r="2563" spans="2:3" x14ac:dyDescent="0.25">
      <c r="B2563" s="21">
        <v>42739</v>
      </c>
      <c r="C2563" s="6">
        <v>14131383</v>
      </c>
    </row>
    <row r="2564" spans="2:3" x14ac:dyDescent="0.25">
      <c r="B2564" s="21">
        <v>42740</v>
      </c>
      <c r="C2564" s="6">
        <v>14376776</v>
      </c>
    </row>
    <row r="2565" spans="2:3" x14ac:dyDescent="0.25">
      <c r="B2565" s="21">
        <v>42741</v>
      </c>
      <c r="C2565" s="6">
        <v>14691919</v>
      </c>
    </row>
    <row r="2566" spans="2:3" x14ac:dyDescent="0.25">
      <c r="B2566" s="21">
        <v>42742</v>
      </c>
      <c r="C2566" s="6">
        <v>13654045</v>
      </c>
    </row>
    <row r="2567" spans="2:3" x14ac:dyDescent="0.25">
      <c r="B2567" s="21">
        <v>42743</v>
      </c>
      <c r="C2567" s="6">
        <v>13225250</v>
      </c>
    </row>
    <row r="2568" spans="2:3" x14ac:dyDescent="0.25">
      <c r="B2568" s="21">
        <v>42744</v>
      </c>
      <c r="C2568" s="6">
        <v>14921632</v>
      </c>
    </row>
    <row r="2569" spans="2:3" x14ac:dyDescent="0.25">
      <c r="B2569" s="21">
        <v>42745</v>
      </c>
      <c r="C2569" s="6">
        <v>15034687</v>
      </c>
    </row>
    <row r="2570" spans="2:3" x14ac:dyDescent="0.25">
      <c r="B2570" s="21">
        <v>42746</v>
      </c>
      <c r="C2570" s="6">
        <v>15347079</v>
      </c>
    </row>
    <row r="2571" spans="2:3" x14ac:dyDescent="0.25">
      <c r="B2571" s="21">
        <v>42747</v>
      </c>
      <c r="C2571" s="6">
        <v>14767442</v>
      </c>
    </row>
    <row r="2572" spans="2:3" x14ac:dyDescent="0.25">
      <c r="B2572" s="21">
        <v>42748</v>
      </c>
      <c r="C2572" s="6">
        <v>14267030</v>
      </c>
    </row>
    <row r="2573" spans="2:3" x14ac:dyDescent="0.25">
      <c r="B2573" s="21">
        <v>42749</v>
      </c>
      <c r="C2573" s="6">
        <v>12775812</v>
      </c>
    </row>
    <row r="2574" spans="2:3" x14ac:dyDescent="0.25">
      <c r="B2574" s="21">
        <v>42750</v>
      </c>
      <c r="C2574" s="6">
        <v>12482808</v>
      </c>
    </row>
    <row r="2575" spans="2:3" x14ac:dyDescent="0.25">
      <c r="B2575" s="21">
        <v>42751</v>
      </c>
      <c r="C2575" s="6">
        <v>14359457</v>
      </c>
    </row>
    <row r="2576" spans="2:3" x14ac:dyDescent="0.25">
      <c r="B2576" s="21">
        <v>42752</v>
      </c>
      <c r="C2576" s="6">
        <v>14772116</v>
      </c>
    </row>
    <row r="2577" spans="2:3" x14ac:dyDescent="0.25">
      <c r="B2577" s="21">
        <v>42753</v>
      </c>
      <c r="C2577" s="6">
        <v>14929562</v>
      </c>
    </row>
    <row r="2578" spans="2:3" x14ac:dyDescent="0.25">
      <c r="B2578" s="21">
        <v>42754</v>
      </c>
      <c r="C2578" s="6">
        <v>15427437</v>
      </c>
    </row>
    <row r="2579" spans="2:3" x14ac:dyDescent="0.25">
      <c r="B2579" s="21">
        <v>42755</v>
      </c>
      <c r="C2579" s="6">
        <v>15366750</v>
      </c>
    </row>
    <row r="2580" spans="2:3" x14ac:dyDescent="0.25">
      <c r="B2580" s="21">
        <v>42756</v>
      </c>
      <c r="C2580" s="6">
        <v>13914409</v>
      </c>
    </row>
    <row r="2581" spans="2:3" x14ac:dyDescent="0.25">
      <c r="B2581" s="21">
        <v>42757</v>
      </c>
      <c r="C2581" s="6">
        <v>13382710</v>
      </c>
    </row>
    <row r="2582" spans="2:3" x14ac:dyDescent="0.25">
      <c r="B2582" s="21">
        <v>42758</v>
      </c>
      <c r="C2582" s="6">
        <v>15304667</v>
      </c>
    </row>
    <row r="2583" spans="2:3" x14ac:dyDescent="0.25">
      <c r="B2583" s="21">
        <v>42759</v>
      </c>
      <c r="C2583" s="6">
        <v>15513074</v>
      </c>
    </row>
    <row r="2584" spans="2:3" x14ac:dyDescent="0.25">
      <c r="B2584" s="21">
        <v>42760</v>
      </c>
      <c r="C2584" s="6">
        <v>15366197</v>
      </c>
    </row>
    <row r="2585" spans="2:3" x14ac:dyDescent="0.25">
      <c r="B2585" s="21">
        <v>42761</v>
      </c>
      <c r="C2585" s="6">
        <v>15202026</v>
      </c>
    </row>
    <row r="2586" spans="2:3" x14ac:dyDescent="0.25">
      <c r="B2586" s="21">
        <v>42762</v>
      </c>
      <c r="C2586" s="6">
        <v>15095811</v>
      </c>
    </row>
    <row r="2587" spans="2:3" x14ac:dyDescent="0.25">
      <c r="B2587" s="21">
        <v>42763</v>
      </c>
      <c r="C2587" s="6">
        <v>13435643</v>
      </c>
    </row>
    <row r="2588" spans="2:3" x14ac:dyDescent="0.25">
      <c r="B2588" s="21">
        <v>42764</v>
      </c>
      <c r="C2588" s="6">
        <v>13143704</v>
      </c>
    </row>
    <row r="2589" spans="2:3" x14ac:dyDescent="0.25">
      <c r="B2589" s="21">
        <v>42765</v>
      </c>
      <c r="C2589" s="6">
        <v>15132129</v>
      </c>
    </row>
    <row r="2590" spans="2:3" x14ac:dyDescent="0.25">
      <c r="B2590" s="21">
        <v>42766</v>
      </c>
      <c r="C2590" s="6">
        <v>15157093</v>
      </c>
    </row>
    <row r="2591" spans="2:3" x14ac:dyDescent="0.25">
      <c r="B2591" s="21">
        <v>42767</v>
      </c>
      <c r="C2591" s="6">
        <v>14937592</v>
      </c>
    </row>
    <row r="2592" spans="2:3" x14ac:dyDescent="0.25">
      <c r="B2592" s="21">
        <v>42768</v>
      </c>
      <c r="C2592" s="6">
        <v>14795973</v>
      </c>
    </row>
    <row r="2593" spans="2:3" x14ac:dyDescent="0.25">
      <c r="B2593" s="21">
        <v>42769</v>
      </c>
      <c r="C2593" s="6">
        <v>14292601</v>
      </c>
    </row>
    <row r="2594" spans="2:3" x14ac:dyDescent="0.25">
      <c r="B2594" s="21">
        <v>42770</v>
      </c>
      <c r="C2594" s="6">
        <v>12542865</v>
      </c>
    </row>
    <row r="2595" spans="2:3" x14ac:dyDescent="0.25">
      <c r="B2595" s="21">
        <v>42771</v>
      </c>
      <c r="C2595" s="6">
        <v>12037265</v>
      </c>
    </row>
    <row r="2596" spans="2:3" x14ac:dyDescent="0.25">
      <c r="B2596" s="21">
        <v>42772</v>
      </c>
      <c r="C2596" s="6">
        <v>14061321</v>
      </c>
    </row>
    <row r="2597" spans="2:3" x14ac:dyDescent="0.25">
      <c r="B2597" s="21">
        <v>42773</v>
      </c>
      <c r="C2597" s="6">
        <v>14344346</v>
      </c>
    </row>
    <row r="2598" spans="2:3" x14ac:dyDescent="0.25">
      <c r="B2598" s="21">
        <v>42774</v>
      </c>
      <c r="C2598" s="6">
        <v>14563153</v>
      </c>
    </row>
    <row r="2599" spans="2:3" x14ac:dyDescent="0.25">
      <c r="B2599" s="21">
        <v>42775</v>
      </c>
      <c r="C2599" s="6">
        <v>14695684</v>
      </c>
    </row>
    <row r="2600" spans="2:3" x14ac:dyDescent="0.25">
      <c r="B2600" s="21">
        <v>42776</v>
      </c>
      <c r="C2600" s="6">
        <v>14407051</v>
      </c>
    </row>
    <row r="2601" spans="2:3" x14ac:dyDescent="0.25">
      <c r="B2601" s="21">
        <v>42777</v>
      </c>
      <c r="C2601" s="6">
        <v>12704496</v>
      </c>
    </row>
    <row r="2602" spans="2:3" x14ac:dyDescent="0.25">
      <c r="B2602" s="21">
        <v>42778</v>
      </c>
      <c r="C2602" s="6">
        <v>12303215</v>
      </c>
    </row>
    <row r="2603" spans="2:3" x14ac:dyDescent="0.25">
      <c r="B2603" s="21">
        <v>42779</v>
      </c>
      <c r="C2603" s="6">
        <v>14170103</v>
      </c>
    </row>
    <row r="2604" spans="2:3" x14ac:dyDescent="0.25">
      <c r="B2604" s="21">
        <v>42780</v>
      </c>
      <c r="C2604" s="6">
        <v>14336230</v>
      </c>
    </row>
    <row r="2605" spans="2:3" x14ac:dyDescent="0.25">
      <c r="B2605" s="21">
        <v>42781</v>
      </c>
      <c r="C2605" s="6">
        <v>14187500</v>
      </c>
    </row>
    <row r="2606" spans="2:3" x14ac:dyDescent="0.25">
      <c r="B2606" s="21">
        <v>42782</v>
      </c>
      <c r="C2606" s="6">
        <v>14004318</v>
      </c>
    </row>
    <row r="2607" spans="2:3" x14ac:dyDescent="0.25">
      <c r="B2607" s="21">
        <v>42783</v>
      </c>
      <c r="C2607" s="6">
        <v>13819530</v>
      </c>
    </row>
    <row r="2608" spans="2:3" x14ac:dyDescent="0.25">
      <c r="B2608" s="21">
        <v>42784</v>
      </c>
      <c r="C2608" s="6">
        <v>12596238</v>
      </c>
    </row>
    <row r="2609" spans="2:3" x14ac:dyDescent="0.25">
      <c r="B2609" s="21">
        <v>42785</v>
      </c>
      <c r="C2609" s="6">
        <v>12201313</v>
      </c>
    </row>
    <row r="2610" spans="2:3" x14ac:dyDescent="0.25">
      <c r="B2610" s="21">
        <v>42786</v>
      </c>
      <c r="C2610" s="6">
        <v>13982355</v>
      </c>
    </row>
    <row r="2611" spans="2:3" x14ac:dyDescent="0.25">
      <c r="B2611" s="21">
        <v>42787</v>
      </c>
      <c r="C2611" s="6">
        <v>13906027</v>
      </c>
    </row>
    <row r="2612" spans="2:3" x14ac:dyDescent="0.25">
      <c r="B2612" s="21">
        <v>42788</v>
      </c>
      <c r="C2612" s="6">
        <v>13760374</v>
      </c>
    </row>
    <row r="2613" spans="2:3" x14ac:dyDescent="0.25">
      <c r="B2613" s="21">
        <v>42789</v>
      </c>
      <c r="C2613" s="6">
        <v>13584061</v>
      </c>
    </row>
    <row r="2614" spans="2:3" x14ac:dyDescent="0.25">
      <c r="B2614" s="21">
        <v>42790</v>
      </c>
      <c r="C2614" s="6">
        <v>13349798</v>
      </c>
    </row>
    <row r="2615" spans="2:3" x14ac:dyDescent="0.25">
      <c r="B2615" s="21">
        <v>42791</v>
      </c>
      <c r="C2615" s="6">
        <v>11736349</v>
      </c>
    </row>
    <row r="2616" spans="2:3" x14ac:dyDescent="0.25">
      <c r="B2616" s="21">
        <v>42792</v>
      </c>
      <c r="C2616" s="6">
        <v>11368223</v>
      </c>
    </row>
    <row r="2617" spans="2:3" x14ac:dyDescent="0.25">
      <c r="B2617" s="21">
        <v>42793</v>
      </c>
      <c r="C2617" s="6">
        <v>12983287</v>
      </c>
    </row>
    <row r="2618" spans="2:3" x14ac:dyDescent="0.25">
      <c r="B2618" s="21">
        <v>42794</v>
      </c>
      <c r="C2618" s="6">
        <v>12850790</v>
      </c>
    </row>
    <row r="2619" spans="2:3" x14ac:dyDescent="0.25">
      <c r="B2619" s="21">
        <v>42795</v>
      </c>
      <c r="C2619" s="6">
        <v>13032745</v>
      </c>
    </row>
    <row r="2620" spans="2:3" x14ac:dyDescent="0.25">
      <c r="B2620" s="21">
        <v>42796</v>
      </c>
      <c r="C2620" s="6">
        <v>12907396</v>
      </c>
    </row>
    <row r="2621" spans="2:3" x14ac:dyDescent="0.25">
      <c r="B2621" s="21">
        <v>42797</v>
      </c>
      <c r="C2621" s="6">
        <v>12713274</v>
      </c>
    </row>
    <row r="2622" spans="2:3" x14ac:dyDescent="0.25">
      <c r="B2622" s="21">
        <v>42798</v>
      </c>
      <c r="C2622" s="6">
        <v>11020714</v>
      </c>
    </row>
    <row r="2623" spans="2:3" x14ac:dyDescent="0.25">
      <c r="B2623" s="21">
        <v>42799</v>
      </c>
      <c r="C2623" s="6">
        <v>10711405</v>
      </c>
    </row>
    <row r="2624" spans="2:3" x14ac:dyDescent="0.25">
      <c r="B2624" s="21">
        <v>42800</v>
      </c>
      <c r="C2624" s="6">
        <v>12829736</v>
      </c>
    </row>
    <row r="2625" spans="2:3" x14ac:dyDescent="0.25">
      <c r="B2625" s="21">
        <v>42801</v>
      </c>
      <c r="C2625" s="6">
        <v>13115981</v>
      </c>
    </row>
    <row r="2626" spans="2:3" x14ac:dyDescent="0.25">
      <c r="B2626" s="21">
        <v>42802</v>
      </c>
      <c r="C2626" s="6">
        <v>13069949</v>
      </c>
    </row>
    <row r="2627" spans="2:3" x14ac:dyDescent="0.25">
      <c r="B2627" s="21">
        <v>42803</v>
      </c>
      <c r="C2627" s="6">
        <v>13139413</v>
      </c>
    </row>
    <row r="2628" spans="2:3" x14ac:dyDescent="0.25">
      <c r="B2628" s="21">
        <v>42804</v>
      </c>
      <c r="C2628" s="6">
        <v>12961037</v>
      </c>
    </row>
    <row r="2629" spans="2:3" x14ac:dyDescent="0.25">
      <c r="B2629" s="21">
        <v>42805</v>
      </c>
      <c r="C2629" s="6">
        <v>11387609</v>
      </c>
    </row>
    <row r="2630" spans="2:3" x14ac:dyDescent="0.25">
      <c r="B2630" s="21">
        <v>42806</v>
      </c>
      <c r="C2630" s="6">
        <v>11262631</v>
      </c>
    </row>
    <row r="2631" spans="2:3" x14ac:dyDescent="0.25">
      <c r="B2631" s="21">
        <v>42807</v>
      </c>
      <c r="C2631" s="6">
        <v>13058155</v>
      </c>
    </row>
    <row r="2632" spans="2:3" x14ac:dyDescent="0.25">
      <c r="B2632" s="21">
        <v>42808</v>
      </c>
      <c r="C2632" s="6">
        <v>13143937</v>
      </c>
    </row>
    <row r="2633" spans="2:3" x14ac:dyDescent="0.25">
      <c r="B2633" s="21">
        <v>42809</v>
      </c>
      <c r="C2633" s="6">
        <v>13056597</v>
      </c>
    </row>
    <row r="2634" spans="2:3" x14ac:dyDescent="0.25">
      <c r="B2634" s="21">
        <v>42810</v>
      </c>
      <c r="C2634" s="6">
        <v>12815543</v>
      </c>
    </row>
    <row r="2635" spans="2:3" x14ac:dyDescent="0.25">
      <c r="B2635" s="21">
        <v>42811</v>
      </c>
      <c r="C2635" s="6">
        <v>12561560</v>
      </c>
    </row>
    <row r="2636" spans="2:3" x14ac:dyDescent="0.25">
      <c r="B2636" s="21">
        <v>42812</v>
      </c>
      <c r="C2636" s="6">
        <v>11276022</v>
      </c>
    </row>
    <row r="2637" spans="2:3" x14ac:dyDescent="0.25">
      <c r="B2637" s="21">
        <v>42813</v>
      </c>
      <c r="C2637" s="6">
        <v>10882571</v>
      </c>
    </row>
    <row r="2638" spans="2:3" x14ac:dyDescent="0.25">
      <c r="B2638" s="21">
        <v>42814</v>
      </c>
      <c r="C2638" s="6">
        <v>12408773</v>
      </c>
    </row>
    <row r="2639" spans="2:3" x14ac:dyDescent="0.25">
      <c r="B2639" s="21">
        <v>42815</v>
      </c>
      <c r="C2639" s="6">
        <v>12419401</v>
      </c>
    </row>
    <row r="2640" spans="2:3" x14ac:dyDescent="0.25">
      <c r="B2640" s="21">
        <v>42816</v>
      </c>
      <c r="C2640" s="6">
        <v>12927655</v>
      </c>
    </row>
    <row r="2641" spans="2:3" x14ac:dyDescent="0.25">
      <c r="B2641" s="21">
        <v>42817</v>
      </c>
      <c r="C2641" s="6">
        <v>12843845</v>
      </c>
    </row>
    <row r="2642" spans="2:3" x14ac:dyDescent="0.25">
      <c r="B2642" s="21">
        <v>42818</v>
      </c>
      <c r="C2642" s="6">
        <v>12559444</v>
      </c>
    </row>
    <row r="2643" spans="2:3" x14ac:dyDescent="0.25">
      <c r="B2643" s="21">
        <v>42819</v>
      </c>
      <c r="C2643" s="6">
        <v>10985809</v>
      </c>
    </row>
    <row r="2644" spans="2:3" x14ac:dyDescent="0.25">
      <c r="B2644" s="21">
        <v>42820</v>
      </c>
      <c r="C2644" s="6">
        <v>10167972</v>
      </c>
    </row>
    <row r="2645" spans="2:3" x14ac:dyDescent="0.25">
      <c r="B2645" s="21">
        <v>42821</v>
      </c>
      <c r="C2645" s="6">
        <v>12401596</v>
      </c>
    </row>
    <row r="2646" spans="2:3" x14ac:dyDescent="0.25">
      <c r="B2646" s="21">
        <v>42822</v>
      </c>
      <c r="C2646" s="6">
        <v>12600485</v>
      </c>
    </row>
    <row r="2647" spans="2:3" x14ac:dyDescent="0.25">
      <c r="B2647" s="21">
        <v>42823</v>
      </c>
      <c r="C2647" s="6">
        <v>12415483</v>
      </c>
    </row>
    <row r="2648" spans="2:3" x14ac:dyDescent="0.25">
      <c r="B2648" s="21">
        <v>42824</v>
      </c>
      <c r="C2648" s="6">
        <v>12369195</v>
      </c>
    </row>
    <row r="2649" spans="2:3" x14ac:dyDescent="0.25">
      <c r="B2649" s="21">
        <v>42825</v>
      </c>
      <c r="C2649" s="6">
        <v>11999855</v>
      </c>
    </row>
    <row r="2650" spans="2:3" x14ac:dyDescent="0.25">
      <c r="B2650" s="21">
        <v>42826</v>
      </c>
      <c r="C2650" s="6">
        <v>10358436</v>
      </c>
    </row>
    <row r="2651" spans="2:3" x14ac:dyDescent="0.25">
      <c r="B2651" s="21">
        <v>42827</v>
      </c>
      <c r="C2651" s="6">
        <v>10053822</v>
      </c>
    </row>
    <row r="2652" spans="2:3" x14ac:dyDescent="0.25">
      <c r="B2652" s="21">
        <v>42828</v>
      </c>
      <c r="C2652" s="6">
        <v>12057199</v>
      </c>
    </row>
    <row r="2653" spans="2:3" x14ac:dyDescent="0.25">
      <c r="B2653" s="21">
        <v>42829</v>
      </c>
      <c r="C2653" s="6">
        <v>12340621</v>
      </c>
    </row>
    <row r="2654" spans="2:3" x14ac:dyDescent="0.25">
      <c r="B2654" s="21">
        <v>42830</v>
      </c>
      <c r="C2654" s="6">
        <v>12400158</v>
      </c>
    </row>
    <row r="2655" spans="2:3" x14ac:dyDescent="0.25">
      <c r="B2655" s="21">
        <v>42831</v>
      </c>
      <c r="C2655" s="6">
        <v>12484545</v>
      </c>
    </row>
    <row r="2656" spans="2:3" x14ac:dyDescent="0.25">
      <c r="B2656" s="21">
        <v>42832</v>
      </c>
      <c r="C2656" s="6">
        <v>12585139</v>
      </c>
    </row>
    <row r="2657" spans="2:3" x14ac:dyDescent="0.25">
      <c r="B2657" s="21">
        <v>42833</v>
      </c>
      <c r="C2657" s="6">
        <v>10803018</v>
      </c>
    </row>
    <row r="2658" spans="2:3" x14ac:dyDescent="0.25">
      <c r="B2658" s="21">
        <v>42834</v>
      </c>
      <c r="C2658" s="6">
        <v>10257580</v>
      </c>
    </row>
    <row r="2659" spans="2:3" x14ac:dyDescent="0.25">
      <c r="B2659" s="21">
        <v>42835</v>
      </c>
      <c r="C2659" s="6">
        <v>11976918</v>
      </c>
    </row>
    <row r="2660" spans="2:3" x14ac:dyDescent="0.25">
      <c r="B2660" s="21">
        <v>42836</v>
      </c>
      <c r="C2660" s="6">
        <v>12359025</v>
      </c>
    </row>
    <row r="2661" spans="2:3" x14ac:dyDescent="0.25">
      <c r="B2661" s="21">
        <v>42837</v>
      </c>
      <c r="C2661" s="6">
        <v>12536359</v>
      </c>
    </row>
    <row r="2662" spans="2:3" x14ac:dyDescent="0.25">
      <c r="B2662" s="21">
        <v>42838</v>
      </c>
      <c r="C2662" s="6">
        <v>12343658</v>
      </c>
    </row>
    <row r="2663" spans="2:3" x14ac:dyDescent="0.25">
      <c r="B2663" s="21">
        <v>42839</v>
      </c>
      <c r="C2663" s="6">
        <v>10640222</v>
      </c>
    </row>
    <row r="2664" spans="2:3" x14ac:dyDescent="0.25">
      <c r="B2664" s="21">
        <v>42840</v>
      </c>
      <c r="C2664" s="6">
        <v>10153983</v>
      </c>
    </row>
    <row r="2665" spans="2:3" x14ac:dyDescent="0.25">
      <c r="B2665" s="21">
        <v>42841</v>
      </c>
      <c r="C2665" s="6">
        <v>9910619</v>
      </c>
    </row>
    <row r="2666" spans="2:3" x14ac:dyDescent="0.25">
      <c r="B2666" s="21">
        <v>42842</v>
      </c>
      <c r="C2666" s="6">
        <v>9947548</v>
      </c>
    </row>
    <row r="2667" spans="2:3" x14ac:dyDescent="0.25">
      <c r="B2667" s="21">
        <v>42843</v>
      </c>
      <c r="C2667" s="6">
        <v>12544081</v>
      </c>
    </row>
    <row r="2668" spans="2:3" x14ac:dyDescent="0.25">
      <c r="B2668" s="21">
        <v>42844</v>
      </c>
      <c r="C2668" s="6">
        <v>13049910</v>
      </c>
    </row>
    <row r="2669" spans="2:3" x14ac:dyDescent="0.25">
      <c r="B2669" s="21">
        <v>42845</v>
      </c>
      <c r="C2669" s="6">
        <v>13084814</v>
      </c>
    </row>
    <row r="2670" spans="2:3" x14ac:dyDescent="0.25">
      <c r="B2670" s="21">
        <v>42846</v>
      </c>
      <c r="C2670" s="6">
        <v>12795986</v>
      </c>
    </row>
    <row r="2671" spans="2:3" x14ac:dyDescent="0.25">
      <c r="B2671" s="21">
        <v>42847</v>
      </c>
      <c r="C2671" s="6">
        <v>11245212</v>
      </c>
    </row>
    <row r="2672" spans="2:3" x14ac:dyDescent="0.25">
      <c r="B2672" s="21">
        <v>42848</v>
      </c>
      <c r="C2672" s="6">
        <v>10800885</v>
      </c>
    </row>
    <row r="2673" spans="2:3" x14ac:dyDescent="0.25">
      <c r="B2673" s="21">
        <v>42849</v>
      </c>
      <c r="C2673" s="6">
        <v>12313354</v>
      </c>
    </row>
    <row r="2674" spans="2:3" x14ac:dyDescent="0.25">
      <c r="B2674" s="21">
        <v>42850</v>
      </c>
      <c r="C2674" s="6">
        <v>12486842</v>
      </c>
    </row>
    <row r="2675" spans="2:3" x14ac:dyDescent="0.25">
      <c r="B2675" s="21">
        <v>42851</v>
      </c>
      <c r="C2675" s="6">
        <v>12882768</v>
      </c>
    </row>
    <row r="2676" spans="2:3" x14ac:dyDescent="0.25">
      <c r="B2676" s="21">
        <v>42852</v>
      </c>
      <c r="C2676" s="6">
        <v>12872829</v>
      </c>
    </row>
    <row r="2677" spans="2:3" x14ac:dyDescent="0.25">
      <c r="B2677" s="21">
        <v>42853</v>
      </c>
      <c r="C2677" s="6">
        <v>12894099</v>
      </c>
    </row>
    <row r="2678" spans="2:3" x14ac:dyDescent="0.25">
      <c r="B2678" s="21">
        <v>42854</v>
      </c>
      <c r="C2678" s="6">
        <v>11112966</v>
      </c>
    </row>
    <row r="2679" spans="2:3" x14ac:dyDescent="0.25">
      <c r="B2679" s="21">
        <v>42855</v>
      </c>
      <c r="C2679" s="6">
        <v>10082875</v>
      </c>
    </row>
    <row r="2680" spans="2:3" x14ac:dyDescent="0.25">
      <c r="B2680" s="21">
        <v>42856</v>
      </c>
      <c r="C2680" s="6">
        <v>10029872</v>
      </c>
    </row>
    <row r="2681" spans="2:3" x14ac:dyDescent="0.25">
      <c r="B2681" s="21">
        <v>42857</v>
      </c>
      <c r="C2681" s="6">
        <v>12043500</v>
      </c>
    </row>
    <row r="2682" spans="2:3" x14ac:dyDescent="0.25">
      <c r="B2682" s="21">
        <v>42858</v>
      </c>
      <c r="C2682" s="6">
        <v>12072484</v>
      </c>
    </row>
    <row r="2683" spans="2:3" x14ac:dyDescent="0.25">
      <c r="B2683" s="21">
        <v>42859</v>
      </c>
      <c r="C2683" s="6">
        <v>12083563</v>
      </c>
    </row>
    <row r="2684" spans="2:3" x14ac:dyDescent="0.25">
      <c r="B2684" s="21">
        <v>42860</v>
      </c>
      <c r="C2684" s="6">
        <v>11904344</v>
      </c>
    </row>
    <row r="2685" spans="2:3" x14ac:dyDescent="0.25">
      <c r="B2685" s="21">
        <v>42861</v>
      </c>
      <c r="C2685" s="6">
        <v>10249616</v>
      </c>
    </row>
    <row r="2686" spans="2:3" x14ac:dyDescent="0.25">
      <c r="B2686" s="21">
        <v>42862</v>
      </c>
      <c r="C2686" s="6">
        <v>9696087</v>
      </c>
    </row>
    <row r="2687" spans="2:3" x14ac:dyDescent="0.25">
      <c r="B2687" s="21">
        <v>42863</v>
      </c>
      <c r="C2687" s="6">
        <v>9923514</v>
      </c>
    </row>
    <row r="2688" spans="2:3" x14ac:dyDescent="0.25">
      <c r="B2688" s="21">
        <v>42864</v>
      </c>
      <c r="C2688" s="6">
        <v>11972555</v>
      </c>
    </row>
    <row r="2689" spans="2:3" x14ac:dyDescent="0.25">
      <c r="B2689" s="21">
        <v>42865</v>
      </c>
      <c r="C2689" s="6">
        <v>12061278</v>
      </c>
    </row>
    <row r="2690" spans="2:3" x14ac:dyDescent="0.25">
      <c r="B2690" s="21">
        <v>42866</v>
      </c>
      <c r="C2690" s="6">
        <v>11822328</v>
      </c>
    </row>
    <row r="2691" spans="2:3" x14ac:dyDescent="0.25">
      <c r="B2691" s="21">
        <v>42867</v>
      </c>
      <c r="C2691" s="6">
        <v>11543742</v>
      </c>
    </row>
    <row r="2692" spans="2:3" x14ac:dyDescent="0.25">
      <c r="B2692" s="21">
        <v>42868</v>
      </c>
      <c r="C2692" s="6">
        <v>9896699</v>
      </c>
    </row>
    <row r="2693" spans="2:3" x14ac:dyDescent="0.25">
      <c r="B2693" s="21">
        <v>42869</v>
      </c>
      <c r="C2693" s="6">
        <v>9484547</v>
      </c>
    </row>
    <row r="2694" spans="2:3" x14ac:dyDescent="0.25">
      <c r="B2694" s="21">
        <v>42870</v>
      </c>
      <c r="C2694" s="6">
        <v>11252011</v>
      </c>
    </row>
    <row r="2695" spans="2:3" x14ac:dyDescent="0.25">
      <c r="B2695" s="21">
        <v>42871</v>
      </c>
      <c r="C2695" s="6">
        <v>11299675</v>
      </c>
    </row>
    <row r="2696" spans="2:3" x14ac:dyDescent="0.25">
      <c r="B2696" s="21">
        <v>42872</v>
      </c>
      <c r="C2696" s="6">
        <v>11310183</v>
      </c>
    </row>
    <row r="2697" spans="2:3" x14ac:dyDescent="0.25">
      <c r="B2697" s="21">
        <v>42873</v>
      </c>
      <c r="C2697" s="6">
        <v>11290813</v>
      </c>
    </row>
    <row r="2698" spans="2:3" x14ac:dyDescent="0.25">
      <c r="B2698" s="21">
        <v>42874</v>
      </c>
      <c r="C2698" s="6">
        <v>11107785</v>
      </c>
    </row>
    <row r="2699" spans="2:3" x14ac:dyDescent="0.25">
      <c r="B2699" s="21">
        <v>42875</v>
      </c>
      <c r="C2699" s="6">
        <v>9537400</v>
      </c>
    </row>
    <row r="2700" spans="2:3" x14ac:dyDescent="0.25">
      <c r="B2700" s="21">
        <v>42876</v>
      </c>
      <c r="C2700" s="6">
        <v>9195742</v>
      </c>
    </row>
    <row r="2701" spans="2:3" x14ac:dyDescent="0.25">
      <c r="B2701" s="21">
        <v>42877</v>
      </c>
      <c r="C2701" s="6">
        <v>11090420</v>
      </c>
    </row>
    <row r="2702" spans="2:3" x14ac:dyDescent="0.25">
      <c r="B2702" s="21">
        <v>42878</v>
      </c>
      <c r="C2702" s="6">
        <v>11310620</v>
      </c>
    </row>
    <row r="2703" spans="2:3" x14ac:dyDescent="0.25">
      <c r="B2703" s="21">
        <v>42879</v>
      </c>
      <c r="C2703" s="6">
        <v>11313242</v>
      </c>
    </row>
    <row r="2704" spans="2:3" x14ac:dyDescent="0.25">
      <c r="B2704" s="21">
        <v>42880</v>
      </c>
      <c r="C2704" s="6">
        <v>9886548</v>
      </c>
    </row>
    <row r="2705" spans="2:3" x14ac:dyDescent="0.25">
      <c r="B2705" s="21">
        <v>42881</v>
      </c>
      <c r="C2705" s="6">
        <v>11008774</v>
      </c>
    </row>
    <row r="2706" spans="2:3" x14ac:dyDescent="0.25">
      <c r="B2706" s="21">
        <v>42882</v>
      </c>
      <c r="C2706" s="6">
        <v>9597926</v>
      </c>
    </row>
    <row r="2707" spans="2:3" x14ac:dyDescent="0.25">
      <c r="B2707" s="21">
        <v>42883</v>
      </c>
      <c r="C2707" s="6">
        <v>9294769</v>
      </c>
    </row>
    <row r="2708" spans="2:3" x14ac:dyDescent="0.25">
      <c r="B2708" s="21">
        <v>42884</v>
      </c>
      <c r="C2708" s="6">
        <v>11099337</v>
      </c>
    </row>
    <row r="2709" spans="2:3" x14ac:dyDescent="0.25">
      <c r="B2709" s="21">
        <v>42885</v>
      </c>
      <c r="C2709" s="6">
        <v>11430700</v>
      </c>
    </row>
    <row r="2710" spans="2:3" x14ac:dyDescent="0.25">
      <c r="B2710" s="21">
        <v>42886</v>
      </c>
      <c r="C2710" s="6">
        <v>11388517</v>
      </c>
    </row>
    <row r="2711" spans="2:3" x14ac:dyDescent="0.25">
      <c r="B2711" s="21">
        <v>42887</v>
      </c>
      <c r="C2711" s="6">
        <v>11262900</v>
      </c>
    </row>
    <row r="2712" spans="2:3" x14ac:dyDescent="0.25">
      <c r="B2712" s="21">
        <v>42888</v>
      </c>
      <c r="C2712" s="6">
        <v>11036091</v>
      </c>
    </row>
    <row r="2713" spans="2:3" x14ac:dyDescent="0.25">
      <c r="B2713" s="21">
        <v>42889</v>
      </c>
      <c r="C2713" s="6">
        <v>9473958</v>
      </c>
    </row>
    <row r="2714" spans="2:3" x14ac:dyDescent="0.25">
      <c r="B2714" s="21">
        <v>42890</v>
      </c>
      <c r="C2714" s="6">
        <v>9129982</v>
      </c>
    </row>
    <row r="2715" spans="2:3" x14ac:dyDescent="0.25">
      <c r="B2715" s="21">
        <v>42891</v>
      </c>
      <c r="C2715" s="6">
        <v>10847929</v>
      </c>
    </row>
    <row r="2716" spans="2:3" x14ac:dyDescent="0.25">
      <c r="B2716" s="21">
        <v>42892</v>
      </c>
      <c r="C2716" s="6">
        <v>11122250</v>
      </c>
    </row>
    <row r="2717" spans="2:3" x14ac:dyDescent="0.25">
      <c r="B2717" s="21">
        <v>42893</v>
      </c>
      <c r="C2717" s="6">
        <v>10956100</v>
      </c>
    </row>
    <row r="2718" spans="2:3" x14ac:dyDescent="0.25">
      <c r="B2718" s="21">
        <v>42894</v>
      </c>
      <c r="C2718" s="6">
        <v>11094921</v>
      </c>
    </row>
    <row r="2719" spans="2:3" x14ac:dyDescent="0.25">
      <c r="B2719" s="21">
        <v>42895</v>
      </c>
      <c r="C2719" s="6">
        <v>10971383</v>
      </c>
    </row>
    <row r="2720" spans="2:3" x14ac:dyDescent="0.25">
      <c r="B2720" s="21">
        <v>42896</v>
      </c>
      <c r="C2720" s="6">
        <v>9468900</v>
      </c>
    </row>
    <row r="2721" spans="2:3" x14ac:dyDescent="0.25">
      <c r="B2721" s="21">
        <v>42897</v>
      </c>
      <c r="C2721" s="6">
        <v>9276264</v>
      </c>
    </row>
    <row r="2722" spans="2:3" x14ac:dyDescent="0.25">
      <c r="B2722" s="21">
        <v>42898</v>
      </c>
      <c r="C2722" s="6">
        <v>11070307</v>
      </c>
    </row>
    <row r="2723" spans="2:3" x14ac:dyDescent="0.25">
      <c r="B2723" s="21">
        <v>42899</v>
      </c>
      <c r="C2723" s="6">
        <v>11231605</v>
      </c>
    </row>
    <row r="2724" spans="2:3" x14ac:dyDescent="0.25">
      <c r="B2724" s="21">
        <v>42900</v>
      </c>
      <c r="C2724" s="6">
        <v>11286275</v>
      </c>
    </row>
    <row r="2725" spans="2:3" x14ac:dyDescent="0.25">
      <c r="B2725" s="21">
        <v>42901</v>
      </c>
      <c r="C2725" s="6">
        <v>11306043</v>
      </c>
    </row>
    <row r="2726" spans="2:3" x14ac:dyDescent="0.25">
      <c r="B2726" s="21">
        <v>42902</v>
      </c>
      <c r="C2726" s="6">
        <v>11150661</v>
      </c>
    </row>
    <row r="2727" spans="2:3" x14ac:dyDescent="0.25">
      <c r="B2727" s="21">
        <v>42903</v>
      </c>
      <c r="C2727" s="6">
        <v>9557151</v>
      </c>
    </row>
    <row r="2728" spans="2:3" x14ac:dyDescent="0.25">
      <c r="B2728" s="21">
        <v>42904</v>
      </c>
      <c r="C2728" s="6">
        <v>9317746</v>
      </c>
    </row>
    <row r="2729" spans="2:3" x14ac:dyDescent="0.25">
      <c r="B2729" s="21">
        <v>42905</v>
      </c>
      <c r="C2729" s="6">
        <v>11348868</v>
      </c>
    </row>
    <row r="2730" spans="2:3" x14ac:dyDescent="0.25">
      <c r="B2730" s="21">
        <v>42906</v>
      </c>
      <c r="C2730" s="6">
        <v>11602497</v>
      </c>
    </row>
    <row r="2731" spans="2:3" x14ac:dyDescent="0.25">
      <c r="B2731" s="21">
        <v>42907</v>
      </c>
      <c r="C2731" s="6">
        <v>11638977</v>
      </c>
    </row>
    <row r="2732" spans="2:3" x14ac:dyDescent="0.25">
      <c r="B2732" s="21">
        <v>42908</v>
      </c>
      <c r="C2732" s="6">
        <v>11527108</v>
      </c>
    </row>
    <row r="2733" spans="2:3" x14ac:dyDescent="0.25">
      <c r="B2733" s="21">
        <v>42909</v>
      </c>
      <c r="C2733" s="6">
        <v>11160553</v>
      </c>
    </row>
    <row r="2734" spans="2:3" x14ac:dyDescent="0.25">
      <c r="B2734" s="21">
        <v>42910</v>
      </c>
      <c r="C2734" s="6">
        <v>9744439</v>
      </c>
    </row>
    <row r="2735" spans="2:3" x14ac:dyDescent="0.25">
      <c r="B2735" s="21">
        <v>42911</v>
      </c>
      <c r="C2735" s="6">
        <v>9426652</v>
      </c>
    </row>
    <row r="2736" spans="2:3" x14ac:dyDescent="0.25">
      <c r="B2736" s="21">
        <v>42912</v>
      </c>
      <c r="C2736" s="6">
        <v>11410599</v>
      </c>
    </row>
    <row r="2737" spans="2:3" x14ac:dyDescent="0.25">
      <c r="B2737" s="21">
        <v>42913</v>
      </c>
      <c r="C2737" s="6">
        <v>11584537</v>
      </c>
    </row>
    <row r="2738" spans="2:3" x14ac:dyDescent="0.25">
      <c r="B2738" s="21">
        <v>42914</v>
      </c>
      <c r="C2738" s="6">
        <v>11567754</v>
      </c>
    </row>
    <row r="2739" spans="2:3" x14ac:dyDescent="0.25">
      <c r="B2739" s="21">
        <v>42915</v>
      </c>
      <c r="C2739" s="6">
        <v>11372810</v>
      </c>
    </row>
    <row r="2740" spans="2:3" x14ac:dyDescent="0.25">
      <c r="B2740" s="21">
        <v>42916</v>
      </c>
      <c r="C2740" s="6">
        <v>10931337</v>
      </c>
    </row>
    <row r="2741" spans="2:3" x14ac:dyDescent="0.25">
      <c r="B2741" s="21">
        <v>42917</v>
      </c>
      <c r="C2741" s="6">
        <v>9397614</v>
      </c>
    </row>
    <row r="2742" spans="2:3" x14ac:dyDescent="0.25">
      <c r="B2742" s="21">
        <v>42918</v>
      </c>
      <c r="C2742" s="6">
        <v>9107048</v>
      </c>
    </row>
    <row r="2743" spans="2:3" x14ac:dyDescent="0.25">
      <c r="B2743" s="21">
        <v>42919</v>
      </c>
      <c r="C2743" s="6">
        <v>10603000</v>
      </c>
    </row>
    <row r="2744" spans="2:3" x14ac:dyDescent="0.25">
      <c r="B2744" s="21">
        <v>42920</v>
      </c>
      <c r="C2744" s="6">
        <v>10568780</v>
      </c>
    </row>
    <row r="2745" spans="2:3" x14ac:dyDescent="0.25">
      <c r="B2745" s="21">
        <v>42921</v>
      </c>
      <c r="C2745" s="6">
        <v>9648255</v>
      </c>
    </row>
    <row r="2746" spans="2:3" x14ac:dyDescent="0.25">
      <c r="B2746" s="21">
        <v>42922</v>
      </c>
      <c r="C2746" s="6">
        <v>9281319</v>
      </c>
    </row>
    <row r="2747" spans="2:3" x14ac:dyDescent="0.25">
      <c r="B2747" s="21">
        <v>42923</v>
      </c>
      <c r="C2747" s="6">
        <v>9738448</v>
      </c>
    </row>
    <row r="2748" spans="2:3" x14ac:dyDescent="0.25">
      <c r="B2748" s="21">
        <v>42924</v>
      </c>
      <c r="C2748" s="6">
        <v>9034659</v>
      </c>
    </row>
    <row r="2749" spans="2:3" x14ac:dyDescent="0.25">
      <c r="B2749" s="21">
        <v>42925</v>
      </c>
      <c r="C2749" s="6">
        <v>9025835</v>
      </c>
    </row>
    <row r="2750" spans="2:3" x14ac:dyDescent="0.25">
      <c r="B2750" s="21">
        <v>42926</v>
      </c>
      <c r="C2750" s="6">
        <v>10842779</v>
      </c>
    </row>
    <row r="2751" spans="2:3" x14ac:dyDescent="0.25">
      <c r="B2751" s="21">
        <v>42927</v>
      </c>
      <c r="C2751" s="6">
        <v>10869693</v>
      </c>
    </row>
    <row r="2752" spans="2:3" x14ac:dyDescent="0.25">
      <c r="B2752" s="21">
        <v>42928</v>
      </c>
      <c r="C2752" s="6">
        <v>10830361</v>
      </c>
    </row>
    <row r="2753" spans="2:3" x14ac:dyDescent="0.25">
      <c r="B2753" s="21">
        <v>42929</v>
      </c>
      <c r="C2753" s="6">
        <v>10628842</v>
      </c>
    </row>
    <row r="2754" spans="2:3" x14ac:dyDescent="0.25">
      <c r="B2754" s="21">
        <v>42930</v>
      </c>
      <c r="C2754" s="6">
        <v>10373970</v>
      </c>
    </row>
    <row r="2755" spans="2:3" x14ac:dyDescent="0.25">
      <c r="B2755" s="21">
        <v>42931</v>
      </c>
      <c r="C2755" s="6">
        <v>9008212</v>
      </c>
    </row>
    <row r="2756" spans="2:3" x14ac:dyDescent="0.25">
      <c r="B2756" s="21">
        <v>42932</v>
      </c>
      <c r="C2756" s="6">
        <v>8854808</v>
      </c>
    </row>
    <row r="2757" spans="2:3" x14ac:dyDescent="0.25">
      <c r="B2757" s="21">
        <v>42933</v>
      </c>
      <c r="C2757" s="6">
        <v>10792964</v>
      </c>
    </row>
    <row r="2758" spans="2:3" x14ac:dyDescent="0.25">
      <c r="B2758" s="21">
        <v>42934</v>
      </c>
      <c r="C2758" s="6">
        <v>11160889</v>
      </c>
    </row>
    <row r="2759" spans="2:3" x14ac:dyDescent="0.25">
      <c r="B2759" s="21">
        <v>42935</v>
      </c>
      <c r="C2759" s="6">
        <v>11265085</v>
      </c>
    </row>
    <row r="2760" spans="2:3" x14ac:dyDescent="0.25">
      <c r="B2760" s="21">
        <v>42936</v>
      </c>
      <c r="C2760" s="6">
        <v>11377117</v>
      </c>
    </row>
    <row r="2761" spans="2:3" x14ac:dyDescent="0.25">
      <c r="B2761" s="21">
        <v>42937</v>
      </c>
      <c r="C2761" s="6">
        <v>11039595</v>
      </c>
    </row>
    <row r="2762" spans="2:3" x14ac:dyDescent="0.25">
      <c r="B2762" s="21">
        <v>42938</v>
      </c>
      <c r="C2762" s="6">
        <v>9448813</v>
      </c>
    </row>
    <row r="2763" spans="2:3" x14ac:dyDescent="0.25">
      <c r="B2763" s="21">
        <v>42939</v>
      </c>
      <c r="C2763" s="6">
        <v>9101298</v>
      </c>
    </row>
    <row r="2764" spans="2:3" x14ac:dyDescent="0.25">
      <c r="B2764" s="21">
        <v>42940</v>
      </c>
      <c r="C2764" s="6">
        <v>10508244</v>
      </c>
    </row>
    <row r="2765" spans="2:3" x14ac:dyDescent="0.25">
      <c r="B2765" s="21">
        <v>42941</v>
      </c>
      <c r="C2765" s="6">
        <v>10396220</v>
      </c>
    </row>
    <row r="2766" spans="2:3" x14ac:dyDescent="0.25">
      <c r="B2766" s="21">
        <v>42942</v>
      </c>
      <c r="C2766" s="6">
        <v>10490431</v>
      </c>
    </row>
    <row r="2767" spans="2:3" x14ac:dyDescent="0.25">
      <c r="B2767" s="21">
        <v>42943</v>
      </c>
      <c r="C2767" s="6">
        <v>10524377</v>
      </c>
    </row>
    <row r="2768" spans="2:3" x14ac:dyDescent="0.25">
      <c r="B2768" s="21">
        <v>42944</v>
      </c>
      <c r="C2768" s="6">
        <v>10186073</v>
      </c>
    </row>
    <row r="2769" spans="2:3" x14ac:dyDescent="0.25">
      <c r="B2769" s="21">
        <v>42945</v>
      </c>
      <c r="C2769" s="6">
        <v>8903792</v>
      </c>
    </row>
    <row r="2770" spans="2:3" x14ac:dyDescent="0.25">
      <c r="B2770" s="21">
        <v>42946</v>
      </c>
      <c r="C2770" s="6">
        <v>8824837</v>
      </c>
    </row>
    <row r="2771" spans="2:3" x14ac:dyDescent="0.25">
      <c r="B2771" s="21">
        <v>42947</v>
      </c>
      <c r="C2771" s="6">
        <v>10399006</v>
      </c>
    </row>
    <row r="2772" spans="2:3" x14ac:dyDescent="0.25">
      <c r="B2772" s="21">
        <v>42948</v>
      </c>
      <c r="C2772" s="6">
        <v>10587043</v>
      </c>
    </row>
    <row r="2773" spans="2:3" x14ac:dyDescent="0.25">
      <c r="B2773" s="21">
        <v>42949</v>
      </c>
      <c r="C2773" s="6">
        <v>10650074</v>
      </c>
    </row>
    <row r="2774" spans="2:3" x14ac:dyDescent="0.25">
      <c r="B2774" s="21">
        <v>42950</v>
      </c>
      <c r="C2774" s="6">
        <v>10625848</v>
      </c>
    </row>
    <row r="2775" spans="2:3" x14ac:dyDescent="0.25">
      <c r="B2775" s="21">
        <v>42951</v>
      </c>
      <c r="C2775" s="6">
        <v>10379914</v>
      </c>
    </row>
    <row r="2776" spans="2:3" x14ac:dyDescent="0.25">
      <c r="B2776" s="21">
        <v>42952</v>
      </c>
      <c r="C2776" s="6">
        <v>9211256</v>
      </c>
    </row>
    <row r="2777" spans="2:3" x14ac:dyDescent="0.25">
      <c r="B2777" s="21">
        <v>42953</v>
      </c>
      <c r="C2777" s="6">
        <v>8875791</v>
      </c>
    </row>
    <row r="2778" spans="2:3" x14ac:dyDescent="0.25">
      <c r="B2778" s="21">
        <v>42954</v>
      </c>
      <c r="C2778" s="6">
        <v>10445518</v>
      </c>
    </row>
    <row r="2779" spans="2:3" x14ac:dyDescent="0.25">
      <c r="B2779" s="21">
        <v>42955</v>
      </c>
      <c r="C2779" s="6">
        <v>10662494</v>
      </c>
    </row>
    <row r="2780" spans="2:3" x14ac:dyDescent="0.25">
      <c r="B2780" s="21">
        <v>42956</v>
      </c>
      <c r="C2780" s="6">
        <v>10931629</v>
      </c>
    </row>
    <row r="2781" spans="2:3" x14ac:dyDescent="0.25">
      <c r="B2781" s="21">
        <v>42957</v>
      </c>
      <c r="C2781" s="6">
        <v>10975844</v>
      </c>
    </row>
    <row r="2782" spans="2:3" x14ac:dyDescent="0.25">
      <c r="B2782" s="21">
        <v>42958</v>
      </c>
      <c r="C2782" s="6">
        <v>10622097</v>
      </c>
    </row>
    <row r="2783" spans="2:3" x14ac:dyDescent="0.25">
      <c r="B2783" s="21">
        <v>42959</v>
      </c>
      <c r="C2783" s="6">
        <v>8979548</v>
      </c>
    </row>
    <row r="2784" spans="2:3" x14ac:dyDescent="0.25">
      <c r="B2784" s="21">
        <v>42960</v>
      </c>
      <c r="C2784" s="6">
        <v>8848054</v>
      </c>
    </row>
    <row r="2785" spans="2:3" x14ac:dyDescent="0.25">
      <c r="B2785" s="21">
        <v>42961</v>
      </c>
      <c r="C2785" s="6">
        <v>10746879</v>
      </c>
    </row>
    <row r="2786" spans="2:3" x14ac:dyDescent="0.25">
      <c r="B2786" s="21">
        <v>42962</v>
      </c>
      <c r="C2786" s="6">
        <v>10948427</v>
      </c>
    </row>
    <row r="2787" spans="2:3" x14ac:dyDescent="0.25">
      <c r="B2787" s="21">
        <v>42963</v>
      </c>
      <c r="C2787" s="6">
        <v>11177540</v>
      </c>
    </row>
    <row r="2788" spans="2:3" x14ac:dyDescent="0.25">
      <c r="B2788" s="21">
        <v>42964</v>
      </c>
      <c r="C2788" s="6">
        <v>11107280</v>
      </c>
    </row>
    <row r="2789" spans="2:3" x14ac:dyDescent="0.25">
      <c r="B2789" s="21">
        <v>42965</v>
      </c>
      <c r="C2789" s="6">
        <v>11117146</v>
      </c>
    </row>
    <row r="2790" spans="2:3" x14ac:dyDescent="0.25">
      <c r="B2790" s="21">
        <v>42966</v>
      </c>
      <c r="C2790" s="6">
        <v>9458532</v>
      </c>
    </row>
    <row r="2791" spans="2:3" x14ac:dyDescent="0.25">
      <c r="B2791" s="21">
        <v>42967</v>
      </c>
      <c r="C2791" s="6">
        <v>9099250</v>
      </c>
    </row>
    <row r="2792" spans="2:3" x14ac:dyDescent="0.25">
      <c r="B2792" s="21">
        <v>42968</v>
      </c>
      <c r="C2792" s="6">
        <v>10946942</v>
      </c>
    </row>
    <row r="2793" spans="2:3" x14ac:dyDescent="0.25">
      <c r="B2793" s="21">
        <v>42969</v>
      </c>
      <c r="C2793" s="6">
        <v>11157130</v>
      </c>
    </row>
    <row r="2794" spans="2:3" x14ac:dyDescent="0.25">
      <c r="B2794" s="21">
        <v>42970</v>
      </c>
      <c r="C2794" s="6">
        <v>11267900</v>
      </c>
    </row>
    <row r="2795" spans="2:3" x14ac:dyDescent="0.25">
      <c r="B2795" s="21">
        <v>42971</v>
      </c>
      <c r="C2795" s="6">
        <v>11351962</v>
      </c>
    </row>
    <row r="2796" spans="2:3" x14ac:dyDescent="0.25">
      <c r="B2796" s="21">
        <v>42972</v>
      </c>
      <c r="C2796" s="6">
        <v>11300077</v>
      </c>
    </row>
    <row r="2797" spans="2:3" x14ac:dyDescent="0.25">
      <c r="B2797" s="21">
        <v>42973</v>
      </c>
      <c r="C2797" s="6">
        <v>9792928</v>
      </c>
    </row>
    <row r="2798" spans="2:3" x14ac:dyDescent="0.25">
      <c r="B2798" s="21">
        <v>42974</v>
      </c>
      <c r="C2798" s="6">
        <v>9475922</v>
      </c>
    </row>
    <row r="2799" spans="2:3" x14ac:dyDescent="0.25">
      <c r="B2799" s="21">
        <v>42975</v>
      </c>
      <c r="C2799" s="6">
        <v>11343965</v>
      </c>
    </row>
    <row r="2800" spans="2:3" x14ac:dyDescent="0.25">
      <c r="B2800" s="21">
        <v>42976</v>
      </c>
      <c r="C2800" s="6">
        <v>11465429</v>
      </c>
    </row>
    <row r="2801" spans="2:3" x14ac:dyDescent="0.25">
      <c r="B2801" s="21">
        <v>42977</v>
      </c>
      <c r="C2801" s="6">
        <v>11585523</v>
      </c>
    </row>
    <row r="2802" spans="2:3" x14ac:dyDescent="0.25">
      <c r="B2802" s="21">
        <v>42978</v>
      </c>
      <c r="C2802" s="6">
        <v>11635458</v>
      </c>
    </row>
    <row r="2803" spans="2:3" x14ac:dyDescent="0.25">
      <c r="B2803" s="21">
        <v>42979</v>
      </c>
      <c r="C2803" s="6">
        <v>11336062</v>
      </c>
    </row>
    <row r="2804" spans="2:3" x14ac:dyDescent="0.25">
      <c r="B2804" s="21">
        <v>42980</v>
      </c>
      <c r="C2804" s="6">
        <v>9497785</v>
      </c>
    </row>
    <row r="2805" spans="2:3" x14ac:dyDescent="0.25">
      <c r="B2805" s="21">
        <v>42981</v>
      </c>
      <c r="C2805" s="6">
        <v>9354549</v>
      </c>
    </row>
    <row r="2806" spans="2:3" x14ac:dyDescent="0.25">
      <c r="B2806" s="21">
        <v>42982</v>
      </c>
      <c r="C2806" s="6">
        <v>11231044</v>
      </c>
    </row>
    <row r="2807" spans="2:3" x14ac:dyDescent="0.25">
      <c r="B2807" s="21">
        <v>42983</v>
      </c>
      <c r="C2807" s="6">
        <v>11555470</v>
      </c>
    </row>
    <row r="2808" spans="2:3" x14ac:dyDescent="0.25">
      <c r="B2808" s="21">
        <v>42984</v>
      </c>
      <c r="C2808" s="6">
        <v>11579158</v>
      </c>
    </row>
    <row r="2809" spans="2:3" x14ac:dyDescent="0.25">
      <c r="B2809" s="21">
        <v>42985</v>
      </c>
      <c r="C2809" s="6">
        <v>11403143</v>
      </c>
    </row>
    <row r="2810" spans="2:3" x14ac:dyDescent="0.25">
      <c r="B2810" s="21">
        <v>42986</v>
      </c>
      <c r="C2810" s="6">
        <v>11309640</v>
      </c>
    </row>
    <row r="2811" spans="2:3" x14ac:dyDescent="0.25">
      <c r="B2811" s="21">
        <v>42987</v>
      </c>
      <c r="C2811" s="6">
        <v>9681552</v>
      </c>
    </row>
    <row r="2812" spans="2:3" x14ac:dyDescent="0.25">
      <c r="B2812" s="21">
        <v>42988</v>
      </c>
      <c r="C2812" s="6">
        <v>9547443</v>
      </c>
    </row>
    <row r="2813" spans="2:3" x14ac:dyDescent="0.25">
      <c r="B2813" s="21">
        <v>42989</v>
      </c>
      <c r="C2813" s="6">
        <v>11433931</v>
      </c>
    </row>
    <row r="2814" spans="2:3" x14ac:dyDescent="0.25">
      <c r="B2814" s="21">
        <v>42990</v>
      </c>
      <c r="C2814" s="6">
        <v>11572780</v>
      </c>
    </row>
    <row r="2815" spans="2:3" x14ac:dyDescent="0.25">
      <c r="B2815" s="21">
        <v>42991</v>
      </c>
      <c r="C2815" s="6">
        <v>11543455</v>
      </c>
    </row>
    <row r="2816" spans="2:3" x14ac:dyDescent="0.25">
      <c r="B2816" s="21">
        <v>42992</v>
      </c>
      <c r="C2816" s="6">
        <v>11647690</v>
      </c>
    </row>
    <row r="2817" spans="2:3" x14ac:dyDescent="0.25">
      <c r="B2817" s="21">
        <v>42993</v>
      </c>
      <c r="C2817" s="6">
        <v>11541973</v>
      </c>
    </row>
    <row r="2818" spans="2:3" x14ac:dyDescent="0.25">
      <c r="B2818" s="21">
        <v>42994</v>
      </c>
      <c r="C2818" s="6">
        <v>10247235</v>
      </c>
    </row>
    <row r="2819" spans="2:3" x14ac:dyDescent="0.25">
      <c r="B2819" s="21">
        <v>42995</v>
      </c>
      <c r="C2819" s="6">
        <v>9951080</v>
      </c>
    </row>
    <row r="2820" spans="2:3" x14ac:dyDescent="0.25">
      <c r="B2820" s="21">
        <v>42996</v>
      </c>
      <c r="C2820" s="6">
        <v>11862947</v>
      </c>
    </row>
    <row r="2821" spans="2:3" x14ac:dyDescent="0.25">
      <c r="B2821" s="21">
        <v>42997</v>
      </c>
      <c r="C2821" s="6">
        <v>12247162</v>
      </c>
    </row>
    <row r="2822" spans="2:3" x14ac:dyDescent="0.25">
      <c r="B2822" s="21">
        <v>42998</v>
      </c>
      <c r="C2822" s="6">
        <v>12320598</v>
      </c>
    </row>
    <row r="2823" spans="2:3" x14ac:dyDescent="0.25">
      <c r="B2823" s="21">
        <v>42999</v>
      </c>
      <c r="C2823" s="6">
        <v>12341509</v>
      </c>
    </row>
    <row r="2824" spans="2:3" x14ac:dyDescent="0.25">
      <c r="B2824" s="21">
        <v>43000</v>
      </c>
      <c r="C2824" s="6">
        <v>11985213</v>
      </c>
    </row>
    <row r="2825" spans="2:3" x14ac:dyDescent="0.25">
      <c r="B2825" s="21">
        <v>43001</v>
      </c>
      <c r="C2825" s="6">
        <v>10525504</v>
      </c>
    </row>
    <row r="2826" spans="2:3" x14ac:dyDescent="0.25">
      <c r="B2826" s="21">
        <v>43002</v>
      </c>
      <c r="C2826" s="6">
        <v>10259770</v>
      </c>
    </row>
    <row r="2827" spans="2:3" x14ac:dyDescent="0.25">
      <c r="B2827" s="21">
        <v>43003</v>
      </c>
      <c r="C2827" s="6">
        <v>12178111</v>
      </c>
    </row>
    <row r="2828" spans="2:3" x14ac:dyDescent="0.25">
      <c r="B2828" s="21">
        <v>43004</v>
      </c>
      <c r="C2828" s="6">
        <v>12302107</v>
      </c>
    </row>
    <row r="2829" spans="2:3" x14ac:dyDescent="0.25">
      <c r="B2829" s="21">
        <v>43005</v>
      </c>
      <c r="C2829" s="6">
        <v>12001874</v>
      </c>
    </row>
    <row r="2830" spans="2:3" x14ac:dyDescent="0.25">
      <c r="B2830" s="21">
        <v>43006</v>
      </c>
      <c r="C2830" s="6">
        <v>10769600</v>
      </c>
    </row>
    <row r="2831" spans="2:3" x14ac:dyDescent="0.25">
      <c r="B2831" s="21">
        <v>43007</v>
      </c>
      <c r="C2831" s="6">
        <v>10872924</v>
      </c>
    </row>
    <row r="2832" spans="2:3" x14ac:dyDescent="0.25">
      <c r="B2832" s="21">
        <v>43008</v>
      </c>
      <c r="C2832" s="6">
        <v>10098354</v>
      </c>
    </row>
    <row r="2833" spans="2:3" x14ac:dyDescent="0.25">
      <c r="B2833" s="21">
        <v>43009</v>
      </c>
      <c r="C2833" s="6">
        <v>10017661</v>
      </c>
    </row>
    <row r="2834" spans="2:3" x14ac:dyDescent="0.25">
      <c r="B2834" s="21">
        <v>43010</v>
      </c>
      <c r="C2834" s="6">
        <v>11840150</v>
      </c>
    </row>
    <row r="2835" spans="2:3" x14ac:dyDescent="0.25">
      <c r="B2835" s="21">
        <v>43011</v>
      </c>
      <c r="C2835" s="6">
        <v>12142977</v>
      </c>
    </row>
    <row r="2836" spans="2:3" x14ac:dyDescent="0.25">
      <c r="B2836" s="21">
        <v>43012</v>
      </c>
      <c r="C2836" s="6">
        <v>12145417</v>
      </c>
    </row>
    <row r="2837" spans="2:3" x14ac:dyDescent="0.25">
      <c r="B2837" s="21">
        <v>43013</v>
      </c>
      <c r="C2837" s="6">
        <v>12191479</v>
      </c>
    </row>
    <row r="2838" spans="2:3" x14ac:dyDescent="0.25">
      <c r="B2838" s="21">
        <v>43014</v>
      </c>
      <c r="C2838" s="6">
        <v>12025927</v>
      </c>
    </row>
    <row r="2839" spans="2:3" x14ac:dyDescent="0.25">
      <c r="B2839" s="21">
        <v>43015</v>
      </c>
      <c r="C2839" s="6">
        <v>10447649</v>
      </c>
    </row>
    <row r="2840" spans="2:3" x14ac:dyDescent="0.25">
      <c r="B2840" s="21">
        <v>43016</v>
      </c>
      <c r="C2840" s="6">
        <v>10297202</v>
      </c>
    </row>
    <row r="2841" spans="2:3" x14ac:dyDescent="0.25">
      <c r="B2841" s="21">
        <v>43017</v>
      </c>
      <c r="C2841" s="6">
        <v>12364882</v>
      </c>
    </row>
    <row r="2842" spans="2:3" x14ac:dyDescent="0.25">
      <c r="B2842" s="21">
        <v>43018</v>
      </c>
      <c r="C2842" s="6">
        <v>12523993</v>
      </c>
    </row>
    <row r="2843" spans="2:3" x14ac:dyDescent="0.25">
      <c r="B2843" s="21">
        <v>43019</v>
      </c>
      <c r="C2843" s="6">
        <v>12395693</v>
      </c>
    </row>
    <row r="2844" spans="2:3" x14ac:dyDescent="0.25">
      <c r="B2844" s="21">
        <v>43020</v>
      </c>
      <c r="C2844" s="6">
        <v>12360693</v>
      </c>
    </row>
    <row r="2845" spans="2:3" x14ac:dyDescent="0.25">
      <c r="B2845" s="21">
        <v>43021</v>
      </c>
      <c r="C2845" s="6">
        <v>12249109</v>
      </c>
    </row>
    <row r="2846" spans="2:3" x14ac:dyDescent="0.25">
      <c r="B2846" s="21">
        <v>43022</v>
      </c>
      <c r="C2846" s="6">
        <v>10649470</v>
      </c>
    </row>
    <row r="2847" spans="2:3" x14ac:dyDescent="0.25">
      <c r="B2847" s="21">
        <v>43023</v>
      </c>
      <c r="C2847" s="6">
        <v>10273692</v>
      </c>
    </row>
    <row r="2848" spans="2:3" x14ac:dyDescent="0.25">
      <c r="B2848" s="21">
        <v>43024</v>
      </c>
      <c r="C2848" s="6">
        <v>12271650</v>
      </c>
    </row>
    <row r="2849" spans="2:3" x14ac:dyDescent="0.25">
      <c r="B2849" s="21">
        <v>43025</v>
      </c>
      <c r="C2849" s="6">
        <v>10320319</v>
      </c>
    </row>
    <row r="2850" spans="2:3" x14ac:dyDescent="0.25">
      <c r="B2850" s="21">
        <v>43026</v>
      </c>
      <c r="C2850" s="6">
        <v>11445957</v>
      </c>
    </row>
    <row r="2851" spans="2:3" x14ac:dyDescent="0.25">
      <c r="B2851" s="21">
        <v>43027</v>
      </c>
      <c r="C2851" s="6">
        <v>12419835</v>
      </c>
    </row>
    <row r="2852" spans="2:3" x14ac:dyDescent="0.25">
      <c r="B2852" s="21">
        <v>43028</v>
      </c>
      <c r="C2852" s="6">
        <v>12317802</v>
      </c>
    </row>
    <row r="2853" spans="2:3" x14ac:dyDescent="0.25">
      <c r="B2853" s="21">
        <v>43029</v>
      </c>
      <c r="C2853" s="6">
        <v>10249653</v>
      </c>
    </row>
    <row r="2854" spans="2:3" x14ac:dyDescent="0.25">
      <c r="B2854" s="21">
        <v>43030</v>
      </c>
      <c r="C2854" s="6">
        <v>10437766</v>
      </c>
    </row>
    <row r="2855" spans="2:3" x14ac:dyDescent="0.25">
      <c r="B2855" s="21">
        <v>43031</v>
      </c>
      <c r="C2855" s="6">
        <v>12500827</v>
      </c>
    </row>
    <row r="2856" spans="2:3" x14ac:dyDescent="0.25">
      <c r="B2856" s="21">
        <v>43032</v>
      </c>
      <c r="C2856" s="6">
        <v>12731244</v>
      </c>
    </row>
    <row r="2857" spans="2:3" x14ac:dyDescent="0.25">
      <c r="B2857" s="21">
        <v>43033</v>
      </c>
      <c r="C2857" s="6">
        <v>12453809</v>
      </c>
    </row>
    <row r="2858" spans="2:3" x14ac:dyDescent="0.25">
      <c r="B2858" s="21">
        <v>43034</v>
      </c>
      <c r="C2858" s="6">
        <v>12463252</v>
      </c>
    </row>
    <row r="2859" spans="2:3" x14ac:dyDescent="0.25">
      <c r="B2859" s="21">
        <v>43035</v>
      </c>
      <c r="C2859" s="6">
        <v>12254360</v>
      </c>
    </row>
    <row r="2860" spans="2:3" x14ac:dyDescent="0.25">
      <c r="B2860" s="21">
        <v>43036</v>
      </c>
      <c r="C2860" s="6">
        <v>10501735</v>
      </c>
    </row>
    <row r="2861" spans="2:3" x14ac:dyDescent="0.25">
      <c r="B2861" s="21">
        <v>43037</v>
      </c>
      <c r="C2861" s="6">
        <v>10367564</v>
      </c>
    </row>
    <row r="2862" spans="2:3" x14ac:dyDescent="0.25">
      <c r="B2862" s="21">
        <v>43038</v>
      </c>
      <c r="C2862" s="6">
        <v>12526246</v>
      </c>
    </row>
    <row r="2863" spans="2:3" x14ac:dyDescent="0.25">
      <c r="B2863" s="21">
        <v>43039</v>
      </c>
      <c r="C2863" s="6">
        <v>13048084</v>
      </c>
    </row>
    <row r="2864" spans="2:3" x14ac:dyDescent="0.25">
      <c r="B2864" s="21">
        <v>43040</v>
      </c>
      <c r="C2864" s="6">
        <v>13015096</v>
      </c>
    </row>
    <row r="2865" spans="2:3" x14ac:dyDescent="0.25">
      <c r="B2865" s="21">
        <v>43041</v>
      </c>
      <c r="C2865" s="6">
        <v>13021900</v>
      </c>
    </row>
    <row r="2866" spans="2:3" x14ac:dyDescent="0.25">
      <c r="B2866" s="21">
        <v>43042</v>
      </c>
      <c r="C2866" s="6">
        <v>12683596</v>
      </c>
    </row>
    <row r="2867" spans="2:3" x14ac:dyDescent="0.25">
      <c r="B2867" s="21">
        <v>43043</v>
      </c>
      <c r="C2867" s="6">
        <v>11242840</v>
      </c>
    </row>
    <row r="2868" spans="2:3" x14ac:dyDescent="0.25">
      <c r="B2868" s="21">
        <v>43044</v>
      </c>
      <c r="C2868" s="6">
        <v>11022721</v>
      </c>
    </row>
    <row r="2869" spans="2:3" x14ac:dyDescent="0.25">
      <c r="B2869" s="21">
        <v>43045</v>
      </c>
      <c r="C2869" s="6">
        <v>12859037</v>
      </c>
    </row>
    <row r="2870" spans="2:3" x14ac:dyDescent="0.25">
      <c r="B2870" s="21">
        <v>43046</v>
      </c>
      <c r="C2870" s="6">
        <v>12812139</v>
      </c>
    </row>
    <row r="2871" spans="2:3" x14ac:dyDescent="0.25">
      <c r="B2871" s="21">
        <v>43047</v>
      </c>
      <c r="C2871" s="6">
        <v>12943775</v>
      </c>
    </row>
    <row r="2872" spans="2:3" x14ac:dyDescent="0.25">
      <c r="B2872" s="21">
        <v>43048</v>
      </c>
      <c r="C2872" s="6">
        <v>13069026</v>
      </c>
    </row>
    <row r="2873" spans="2:3" x14ac:dyDescent="0.25">
      <c r="B2873" s="21">
        <v>43049</v>
      </c>
      <c r="C2873" s="6">
        <v>12982596</v>
      </c>
    </row>
    <row r="2874" spans="2:3" x14ac:dyDescent="0.25">
      <c r="B2874" s="21">
        <v>43050</v>
      </c>
      <c r="C2874" s="6">
        <v>11490518</v>
      </c>
    </row>
    <row r="2875" spans="2:3" x14ac:dyDescent="0.25">
      <c r="B2875" s="21">
        <v>43051</v>
      </c>
      <c r="C2875" s="6">
        <v>11317961</v>
      </c>
    </row>
    <row r="2876" spans="2:3" x14ac:dyDescent="0.25">
      <c r="B2876" s="21">
        <v>43052</v>
      </c>
      <c r="C2876" s="6">
        <v>13182944</v>
      </c>
    </row>
    <row r="2877" spans="2:3" x14ac:dyDescent="0.25">
      <c r="B2877" s="21">
        <v>43053</v>
      </c>
      <c r="C2877" s="6">
        <v>13223804</v>
      </c>
    </row>
    <row r="2878" spans="2:3" x14ac:dyDescent="0.25">
      <c r="B2878" s="21">
        <v>43054</v>
      </c>
      <c r="C2878" s="6">
        <v>13521686</v>
      </c>
    </row>
    <row r="2879" spans="2:3" x14ac:dyDescent="0.25">
      <c r="B2879" s="21">
        <v>43055</v>
      </c>
      <c r="C2879" s="6">
        <v>13390010</v>
      </c>
    </row>
    <row r="2880" spans="2:3" x14ac:dyDescent="0.25">
      <c r="B2880" s="21">
        <v>43056</v>
      </c>
      <c r="C2880" s="6">
        <v>12025238</v>
      </c>
    </row>
    <row r="2881" spans="2:3" x14ac:dyDescent="0.25">
      <c r="B2881" s="21">
        <v>43057</v>
      </c>
      <c r="C2881" s="6">
        <v>11440535</v>
      </c>
    </row>
    <row r="2882" spans="2:3" x14ac:dyDescent="0.25">
      <c r="B2882" s="21">
        <v>43058</v>
      </c>
      <c r="C2882" s="6">
        <v>11365716</v>
      </c>
    </row>
    <row r="2883" spans="2:3" x14ac:dyDescent="0.25">
      <c r="B2883" s="21">
        <v>43059</v>
      </c>
      <c r="C2883" s="6">
        <v>13553875</v>
      </c>
    </row>
    <row r="2884" spans="2:3" x14ac:dyDescent="0.25">
      <c r="B2884" s="21">
        <v>43060</v>
      </c>
      <c r="C2884" s="6">
        <v>13505435</v>
      </c>
    </row>
    <row r="2885" spans="2:3" x14ac:dyDescent="0.25">
      <c r="B2885" s="21">
        <v>43061</v>
      </c>
      <c r="C2885" s="6">
        <v>13526527</v>
      </c>
    </row>
    <row r="2886" spans="2:3" x14ac:dyDescent="0.25">
      <c r="B2886" s="21">
        <v>43062</v>
      </c>
      <c r="C2886" s="6">
        <v>13455211</v>
      </c>
    </row>
    <row r="2887" spans="2:3" x14ac:dyDescent="0.25">
      <c r="B2887" s="21">
        <v>43063</v>
      </c>
      <c r="C2887" s="6">
        <v>13242572</v>
      </c>
    </row>
    <row r="2888" spans="2:3" x14ac:dyDescent="0.25">
      <c r="B2888" s="21">
        <v>43064</v>
      </c>
      <c r="C2888" s="6">
        <v>11639060</v>
      </c>
    </row>
    <row r="2889" spans="2:3" x14ac:dyDescent="0.25">
      <c r="B2889" s="21">
        <v>43065</v>
      </c>
      <c r="C2889" s="6">
        <v>11424330</v>
      </c>
    </row>
    <row r="2890" spans="2:3" x14ac:dyDescent="0.25">
      <c r="B2890" s="21">
        <v>43066</v>
      </c>
      <c r="C2890" s="6">
        <v>13512681</v>
      </c>
    </row>
    <row r="2891" spans="2:3" x14ac:dyDescent="0.25">
      <c r="B2891" s="21">
        <v>43067</v>
      </c>
      <c r="C2891" s="6">
        <v>13765806</v>
      </c>
    </row>
    <row r="2892" spans="2:3" x14ac:dyDescent="0.25">
      <c r="B2892" s="21">
        <v>43068</v>
      </c>
      <c r="C2892" s="6">
        <v>13949348</v>
      </c>
    </row>
    <row r="2893" spans="2:3" x14ac:dyDescent="0.25">
      <c r="B2893" s="21">
        <v>43069</v>
      </c>
      <c r="C2893" s="6">
        <v>14055473</v>
      </c>
    </row>
    <row r="2894" spans="2:3" x14ac:dyDescent="0.25">
      <c r="B2894" s="21">
        <v>43070</v>
      </c>
      <c r="C2894" s="6">
        <v>13923264</v>
      </c>
    </row>
    <row r="2895" spans="2:3" x14ac:dyDescent="0.25">
      <c r="B2895" s="21">
        <v>43071</v>
      </c>
      <c r="C2895" s="6">
        <v>12770816</v>
      </c>
    </row>
    <row r="2896" spans="2:3" x14ac:dyDescent="0.25">
      <c r="B2896" s="21">
        <v>43072</v>
      </c>
      <c r="C2896" s="6">
        <v>12507000</v>
      </c>
    </row>
    <row r="2897" spans="2:3" x14ac:dyDescent="0.25">
      <c r="B2897" s="21">
        <v>43073</v>
      </c>
      <c r="C2897" s="6">
        <v>14480383</v>
      </c>
    </row>
    <row r="2898" spans="2:3" x14ac:dyDescent="0.25">
      <c r="B2898" s="21">
        <v>43074</v>
      </c>
      <c r="C2898" s="6">
        <v>14400683</v>
      </c>
    </row>
    <row r="2899" spans="2:3" x14ac:dyDescent="0.25">
      <c r="B2899" s="21">
        <v>43075</v>
      </c>
      <c r="C2899" s="6">
        <v>14228049</v>
      </c>
    </row>
    <row r="2900" spans="2:3" x14ac:dyDescent="0.25">
      <c r="B2900" s="21">
        <v>43076</v>
      </c>
      <c r="C2900" s="6">
        <v>14003460</v>
      </c>
    </row>
    <row r="2901" spans="2:3" x14ac:dyDescent="0.25">
      <c r="B2901" s="21">
        <v>43077</v>
      </c>
      <c r="C2901" s="6">
        <v>14046739</v>
      </c>
    </row>
    <row r="2902" spans="2:3" x14ac:dyDescent="0.25">
      <c r="B2902" s="21">
        <v>43078</v>
      </c>
      <c r="C2902" s="6">
        <v>12475604</v>
      </c>
    </row>
    <row r="2903" spans="2:3" x14ac:dyDescent="0.25">
      <c r="B2903" s="21">
        <v>43079</v>
      </c>
      <c r="C2903" s="6">
        <v>12240676</v>
      </c>
    </row>
    <row r="2904" spans="2:3" x14ac:dyDescent="0.25">
      <c r="B2904" s="21">
        <v>43080</v>
      </c>
      <c r="C2904" s="6">
        <v>13724569</v>
      </c>
    </row>
    <row r="2905" spans="2:3" x14ac:dyDescent="0.25">
      <c r="B2905" s="21">
        <v>43081</v>
      </c>
      <c r="C2905" s="6">
        <v>13782277</v>
      </c>
    </row>
    <row r="2906" spans="2:3" x14ac:dyDescent="0.25">
      <c r="B2906" s="21">
        <v>43082</v>
      </c>
      <c r="C2906" s="6">
        <v>13835166</v>
      </c>
    </row>
    <row r="2907" spans="2:3" x14ac:dyDescent="0.25">
      <c r="B2907" s="21">
        <v>43083</v>
      </c>
      <c r="C2907" s="6">
        <v>13701520</v>
      </c>
    </row>
    <row r="2908" spans="2:3" x14ac:dyDescent="0.25">
      <c r="B2908" s="21">
        <v>43084</v>
      </c>
      <c r="C2908" s="6">
        <v>13536593</v>
      </c>
    </row>
    <row r="2909" spans="2:3" x14ac:dyDescent="0.25">
      <c r="B2909" s="21">
        <v>43085</v>
      </c>
      <c r="C2909" s="6">
        <v>12105128</v>
      </c>
    </row>
    <row r="2910" spans="2:3" x14ac:dyDescent="0.25">
      <c r="B2910" s="21">
        <v>43086</v>
      </c>
      <c r="C2910" s="6">
        <v>12013145</v>
      </c>
    </row>
    <row r="2911" spans="2:3" x14ac:dyDescent="0.25">
      <c r="B2911" s="21">
        <v>43087</v>
      </c>
      <c r="C2911" s="6">
        <v>13842711</v>
      </c>
    </row>
    <row r="2912" spans="2:3" x14ac:dyDescent="0.25">
      <c r="B2912" s="21">
        <v>43088</v>
      </c>
      <c r="C2912" s="6">
        <v>14168142</v>
      </c>
    </row>
    <row r="2913" spans="2:3" x14ac:dyDescent="0.25">
      <c r="B2913" s="21">
        <v>43089</v>
      </c>
      <c r="C2913" s="6">
        <v>13804672</v>
      </c>
    </row>
    <row r="2914" spans="2:3" x14ac:dyDescent="0.25">
      <c r="B2914" s="21">
        <v>43090</v>
      </c>
      <c r="C2914" s="6">
        <v>13350788</v>
      </c>
    </row>
    <row r="2915" spans="2:3" x14ac:dyDescent="0.25">
      <c r="B2915" s="21">
        <v>43091</v>
      </c>
      <c r="C2915" s="6">
        <v>12057290</v>
      </c>
    </row>
    <row r="2916" spans="2:3" x14ac:dyDescent="0.25">
      <c r="B2916" s="21">
        <v>43092</v>
      </c>
      <c r="C2916" s="6">
        <v>10763027</v>
      </c>
    </row>
    <row r="2917" spans="2:3" x14ac:dyDescent="0.25">
      <c r="B2917" s="21">
        <v>43093</v>
      </c>
      <c r="C2917" s="6">
        <v>9394064</v>
      </c>
    </row>
    <row r="2918" spans="2:3" x14ac:dyDescent="0.25">
      <c r="B2918" s="21">
        <v>43094</v>
      </c>
      <c r="C2918" s="6">
        <v>9167991</v>
      </c>
    </row>
    <row r="2919" spans="2:3" x14ac:dyDescent="0.25">
      <c r="B2919" s="21">
        <v>43095</v>
      </c>
      <c r="C2919" s="6">
        <v>9788815</v>
      </c>
    </row>
    <row r="2920" spans="2:3" x14ac:dyDescent="0.25">
      <c r="B2920" s="21">
        <v>43096</v>
      </c>
      <c r="C2920" s="6">
        <v>10888629</v>
      </c>
    </row>
    <row r="2921" spans="2:3" x14ac:dyDescent="0.25">
      <c r="B2921" s="21">
        <v>43097</v>
      </c>
      <c r="C2921" s="6">
        <v>11066130</v>
      </c>
    </row>
    <row r="2922" spans="2:3" x14ac:dyDescent="0.25">
      <c r="B2922" s="21">
        <v>43098</v>
      </c>
      <c r="C2922" s="6">
        <v>11123683</v>
      </c>
    </row>
    <row r="2923" spans="2:3" x14ac:dyDescent="0.25">
      <c r="B2923" s="21">
        <v>43099</v>
      </c>
      <c r="C2923" s="6">
        <v>10732632</v>
      </c>
    </row>
    <row r="2924" spans="2:3" x14ac:dyDescent="0.25">
      <c r="B2924" s="21">
        <v>43100</v>
      </c>
      <c r="C2924" s="6">
        <v>9758926</v>
      </c>
    </row>
    <row r="2925" spans="2:3" x14ac:dyDescent="0.25">
      <c r="B2925" s="21">
        <v>43101</v>
      </c>
      <c r="C2925" s="6">
        <v>9383376</v>
      </c>
    </row>
    <row r="2926" spans="2:3" x14ac:dyDescent="0.25">
      <c r="B2926" s="21">
        <v>43102</v>
      </c>
      <c r="C2926" s="6">
        <v>12277809</v>
      </c>
    </row>
    <row r="2927" spans="2:3" x14ac:dyDescent="0.25">
      <c r="B2927" s="21">
        <v>43103</v>
      </c>
      <c r="C2927" s="6">
        <v>13339891</v>
      </c>
    </row>
    <row r="2928" spans="2:3" x14ac:dyDescent="0.25">
      <c r="B2928" s="21">
        <v>43104</v>
      </c>
      <c r="C2928" s="6">
        <v>13183891</v>
      </c>
    </row>
    <row r="2929" spans="2:3" x14ac:dyDescent="0.25">
      <c r="B2929" s="21">
        <v>43105</v>
      </c>
      <c r="C2929" s="6">
        <v>12965254</v>
      </c>
    </row>
    <row r="2930" spans="2:3" x14ac:dyDescent="0.25">
      <c r="B2930" s="21">
        <v>43106</v>
      </c>
      <c r="C2930" s="6">
        <v>11291365</v>
      </c>
    </row>
    <row r="2931" spans="2:3" x14ac:dyDescent="0.25">
      <c r="B2931" s="21">
        <v>43107</v>
      </c>
      <c r="C2931" s="6">
        <v>11152505</v>
      </c>
    </row>
    <row r="2932" spans="2:3" x14ac:dyDescent="0.25">
      <c r="B2932" s="21">
        <v>43108</v>
      </c>
      <c r="C2932" s="6">
        <v>13436392</v>
      </c>
    </row>
    <row r="2933" spans="2:3" x14ac:dyDescent="0.25">
      <c r="B2933" s="21">
        <v>43109</v>
      </c>
      <c r="C2933" s="6">
        <v>13252708</v>
      </c>
    </row>
    <row r="2934" spans="2:3" x14ac:dyDescent="0.25">
      <c r="B2934" s="21">
        <v>43110</v>
      </c>
      <c r="C2934" s="6">
        <v>13401197</v>
      </c>
    </row>
    <row r="2935" spans="2:3" x14ac:dyDescent="0.25">
      <c r="B2935" s="21">
        <v>43111</v>
      </c>
      <c r="C2935" s="6">
        <v>13537694</v>
      </c>
    </row>
    <row r="2936" spans="2:3" x14ac:dyDescent="0.25">
      <c r="B2936" s="21">
        <v>43112</v>
      </c>
      <c r="C2936" s="6">
        <v>13460841</v>
      </c>
    </row>
    <row r="2937" spans="2:3" x14ac:dyDescent="0.25">
      <c r="B2937" s="21">
        <v>43113</v>
      </c>
      <c r="C2937" s="6">
        <v>12161684</v>
      </c>
    </row>
    <row r="2938" spans="2:3" x14ac:dyDescent="0.25">
      <c r="B2938" s="21">
        <v>43114</v>
      </c>
      <c r="C2938" s="6">
        <v>12018974</v>
      </c>
    </row>
    <row r="2939" spans="2:3" x14ac:dyDescent="0.25">
      <c r="B2939" s="21">
        <v>43115</v>
      </c>
      <c r="C2939" s="6">
        <v>14095372</v>
      </c>
    </row>
    <row r="2940" spans="2:3" x14ac:dyDescent="0.25">
      <c r="B2940" s="21">
        <v>43116</v>
      </c>
      <c r="C2940" s="6">
        <v>14281527</v>
      </c>
    </row>
    <row r="2941" spans="2:3" x14ac:dyDescent="0.25">
      <c r="B2941" s="21">
        <v>43117</v>
      </c>
      <c r="C2941" s="6">
        <v>14202916</v>
      </c>
    </row>
    <row r="2942" spans="2:3" x14ac:dyDescent="0.25">
      <c r="B2942" s="21">
        <v>43118</v>
      </c>
      <c r="C2942" s="6">
        <v>14095015</v>
      </c>
    </row>
    <row r="2943" spans="2:3" x14ac:dyDescent="0.25">
      <c r="B2943" s="21">
        <v>43119</v>
      </c>
      <c r="C2943" s="6">
        <v>13916953</v>
      </c>
    </row>
    <row r="2944" spans="2:3" x14ac:dyDescent="0.25">
      <c r="B2944" s="21">
        <v>43120</v>
      </c>
      <c r="C2944" s="6">
        <v>12327947</v>
      </c>
    </row>
    <row r="2945" spans="2:3" x14ac:dyDescent="0.25">
      <c r="B2945" s="21">
        <v>43121</v>
      </c>
      <c r="C2945" s="6">
        <v>12043415</v>
      </c>
    </row>
    <row r="2946" spans="2:3" x14ac:dyDescent="0.25">
      <c r="B2946" s="21">
        <v>43122</v>
      </c>
      <c r="C2946" s="6">
        <v>14086535</v>
      </c>
    </row>
    <row r="2947" spans="2:3" x14ac:dyDescent="0.25">
      <c r="B2947" s="21">
        <v>43123</v>
      </c>
      <c r="C2947" s="6">
        <v>14153394</v>
      </c>
    </row>
    <row r="2948" spans="2:3" x14ac:dyDescent="0.25">
      <c r="B2948" s="21">
        <v>43124</v>
      </c>
      <c r="C2948" s="6">
        <v>13821714</v>
      </c>
    </row>
    <row r="2949" spans="2:3" x14ac:dyDescent="0.25">
      <c r="B2949" s="21">
        <v>43125</v>
      </c>
      <c r="C2949" s="6">
        <v>13686919</v>
      </c>
    </row>
    <row r="2950" spans="2:3" x14ac:dyDescent="0.25">
      <c r="B2950" s="21">
        <v>43126</v>
      </c>
      <c r="C2950" s="6">
        <v>13680953</v>
      </c>
    </row>
    <row r="2951" spans="2:3" x14ac:dyDescent="0.25">
      <c r="B2951" s="21">
        <v>43127</v>
      </c>
      <c r="C2951" s="6">
        <v>12196074</v>
      </c>
    </row>
    <row r="2952" spans="2:3" x14ac:dyDescent="0.25">
      <c r="B2952" s="21">
        <v>43128</v>
      </c>
      <c r="C2952" s="6">
        <v>11567692</v>
      </c>
    </row>
    <row r="2953" spans="2:3" x14ac:dyDescent="0.25">
      <c r="B2953" s="21">
        <v>43129</v>
      </c>
      <c r="C2953" s="6">
        <v>13198022</v>
      </c>
    </row>
    <row r="2954" spans="2:3" x14ac:dyDescent="0.25">
      <c r="B2954" s="21">
        <v>43130</v>
      </c>
      <c r="C2954" s="6">
        <v>13442040</v>
      </c>
    </row>
    <row r="2955" spans="2:3" x14ac:dyDescent="0.25">
      <c r="B2955" s="21">
        <v>43131</v>
      </c>
      <c r="C2955" s="6">
        <v>13684581</v>
      </c>
    </row>
    <row r="2956" spans="2:3" x14ac:dyDescent="0.25">
      <c r="B2956" s="21">
        <v>43132</v>
      </c>
      <c r="C2956" s="6">
        <v>13637998</v>
      </c>
    </row>
    <row r="2957" spans="2:3" x14ac:dyDescent="0.25">
      <c r="B2957" s="21">
        <v>43133</v>
      </c>
      <c r="C2957" s="6">
        <v>13611014</v>
      </c>
    </row>
    <row r="2958" spans="2:3" x14ac:dyDescent="0.25">
      <c r="B2958" s="21">
        <v>43134</v>
      </c>
      <c r="C2958" s="6">
        <v>12038348</v>
      </c>
    </row>
    <row r="2959" spans="2:3" x14ac:dyDescent="0.25">
      <c r="B2959" s="21">
        <v>43135</v>
      </c>
      <c r="C2959" s="6">
        <v>11759627</v>
      </c>
    </row>
    <row r="2960" spans="2:3" x14ac:dyDescent="0.25">
      <c r="B2960" s="21">
        <v>43136</v>
      </c>
      <c r="C2960" s="6">
        <v>14025791</v>
      </c>
    </row>
    <row r="2961" spans="2:3" x14ac:dyDescent="0.25">
      <c r="B2961" s="21">
        <v>43137</v>
      </c>
      <c r="C2961" s="6">
        <v>14211616</v>
      </c>
    </row>
    <row r="2962" spans="2:3" x14ac:dyDescent="0.25">
      <c r="B2962" s="21">
        <v>43138</v>
      </c>
      <c r="C2962" s="6">
        <v>14280047</v>
      </c>
    </row>
    <row r="2963" spans="2:3" x14ac:dyDescent="0.25">
      <c r="B2963" s="21">
        <v>43139</v>
      </c>
      <c r="C2963" s="6">
        <v>14195420</v>
      </c>
    </row>
    <row r="2964" spans="2:3" x14ac:dyDescent="0.25">
      <c r="B2964" s="21">
        <v>43140</v>
      </c>
      <c r="C2964" s="6">
        <v>14052183</v>
      </c>
    </row>
    <row r="2965" spans="2:3" x14ac:dyDescent="0.25">
      <c r="B2965" s="21">
        <v>43141</v>
      </c>
      <c r="C2965" s="6">
        <v>12489286</v>
      </c>
    </row>
    <row r="2966" spans="2:3" x14ac:dyDescent="0.25">
      <c r="B2966" s="21">
        <v>43142</v>
      </c>
      <c r="C2966" s="6">
        <v>11941473</v>
      </c>
    </row>
    <row r="2967" spans="2:3" x14ac:dyDescent="0.25">
      <c r="B2967" s="21">
        <v>43143</v>
      </c>
      <c r="C2967" s="6">
        <v>13937596</v>
      </c>
    </row>
    <row r="2968" spans="2:3" x14ac:dyDescent="0.25">
      <c r="B2968" s="21">
        <v>43144</v>
      </c>
      <c r="C2968" s="6">
        <v>14186531</v>
      </c>
    </row>
    <row r="2969" spans="2:3" x14ac:dyDescent="0.25">
      <c r="B2969" s="21">
        <v>43145</v>
      </c>
      <c r="C2969" s="6">
        <v>14314606</v>
      </c>
    </row>
    <row r="2970" spans="2:3" x14ac:dyDescent="0.25">
      <c r="B2970" s="21">
        <v>43146</v>
      </c>
      <c r="C2970" s="6">
        <v>14419405</v>
      </c>
    </row>
    <row r="2971" spans="2:3" x14ac:dyDescent="0.25">
      <c r="B2971" s="21">
        <v>43147</v>
      </c>
      <c r="C2971" s="6">
        <v>14056827</v>
      </c>
    </row>
    <row r="2972" spans="2:3" x14ac:dyDescent="0.25">
      <c r="B2972" s="21">
        <v>43148</v>
      </c>
      <c r="C2972" s="6">
        <v>12529709</v>
      </c>
    </row>
    <row r="2973" spans="2:3" x14ac:dyDescent="0.25">
      <c r="B2973" s="21">
        <v>43149</v>
      </c>
      <c r="C2973" s="6">
        <v>12150251</v>
      </c>
    </row>
    <row r="2974" spans="2:3" x14ac:dyDescent="0.25">
      <c r="B2974" s="21">
        <v>43150</v>
      </c>
      <c r="C2974" s="6">
        <v>14174140</v>
      </c>
    </row>
    <row r="2975" spans="2:3" x14ac:dyDescent="0.25">
      <c r="B2975" s="21">
        <v>43151</v>
      </c>
      <c r="C2975" s="6">
        <v>14484041</v>
      </c>
    </row>
    <row r="2976" spans="2:3" x14ac:dyDescent="0.25">
      <c r="B2976" s="21">
        <v>43152</v>
      </c>
      <c r="C2976" s="6">
        <v>14386713</v>
      </c>
    </row>
    <row r="2977" spans="2:3" x14ac:dyDescent="0.25">
      <c r="B2977" s="21">
        <v>43153</v>
      </c>
      <c r="C2977" s="6">
        <v>14483070</v>
      </c>
    </row>
    <row r="2978" spans="2:3" x14ac:dyDescent="0.25">
      <c r="B2978" s="21">
        <v>43154</v>
      </c>
      <c r="C2978" s="6">
        <v>14505547</v>
      </c>
    </row>
    <row r="2979" spans="2:3" x14ac:dyDescent="0.25">
      <c r="B2979" s="21">
        <v>43155</v>
      </c>
      <c r="C2979" s="6">
        <v>13274869</v>
      </c>
    </row>
    <row r="2980" spans="2:3" x14ac:dyDescent="0.25">
      <c r="B2980" s="21">
        <v>43156</v>
      </c>
      <c r="C2980" s="6">
        <v>13275786</v>
      </c>
    </row>
    <row r="2981" spans="2:3" x14ac:dyDescent="0.25">
      <c r="B2981" s="21">
        <v>43157</v>
      </c>
      <c r="C2981" s="6">
        <v>15444795</v>
      </c>
    </row>
    <row r="2982" spans="2:3" x14ac:dyDescent="0.25">
      <c r="B2982" s="21">
        <v>43158</v>
      </c>
      <c r="C2982" s="6">
        <v>15765197</v>
      </c>
    </row>
    <row r="2983" spans="2:3" x14ac:dyDescent="0.25">
      <c r="B2983" s="21">
        <v>43159</v>
      </c>
      <c r="C2983" s="6">
        <v>15916096</v>
      </c>
    </row>
    <row r="2984" spans="2:3" x14ac:dyDescent="0.25">
      <c r="B2984" s="21">
        <v>43160</v>
      </c>
      <c r="C2984" s="6">
        <v>15946720</v>
      </c>
    </row>
    <row r="2985" spans="2:3" x14ac:dyDescent="0.25">
      <c r="B2985" s="21">
        <v>43161</v>
      </c>
      <c r="C2985" s="6">
        <v>15709696</v>
      </c>
    </row>
    <row r="2986" spans="2:3" x14ac:dyDescent="0.25">
      <c r="B2986" s="21">
        <v>43162</v>
      </c>
      <c r="C2986" s="6">
        <v>13868385</v>
      </c>
    </row>
    <row r="2987" spans="2:3" x14ac:dyDescent="0.25">
      <c r="B2987" s="21">
        <v>43163</v>
      </c>
      <c r="C2987" s="6">
        <v>13323735</v>
      </c>
    </row>
    <row r="2988" spans="2:3" x14ac:dyDescent="0.25">
      <c r="B2988" s="21">
        <v>43164</v>
      </c>
      <c r="C2988" s="6">
        <v>14924614</v>
      </c>
    </row>
    <row r="2989" spans="2:3" x14ac:dyDescent="0.25">
      <c r="B2989" s="21">
        <v>43165</v>
      </c>
      <c r="C2989" s="6">
        <v>15016250</v>
      </c>
    </row>
    <row r="2990" spans="2:3" x14ac:dyDescent="0.25">
      <c r="B2990" s="21">
        <v>43166</v>
      </c>
      <c r="C2990" s="6">
        <v>14533332</v>
      </c>
    </row>
    <row r="2991" spans="2:3" x14ac:dyDescent="0.25">
      <c r="B2991" s="21">
        <v>43167</v>
      </c>
      <c r="C2991" s="6">
        <v>13924091</v>
      </c>
    </row>
    <row r="2992" spans="2:3" x14ac:dyDescent="0.25">
      <c r="B2992" s="21">
        <v>43168</v>
      </c>
      <c r="C2992" s="6">
        <v>13849617</v>
      </c>
    </row>
    <row r="2993" spans="2:3" x14ac:dyDescent="0.25">
      <c r="B2993" s="21">
        <v>43169</v>
      </c>
      <c r="C2993" s="6">
        <v>11957328</v>
      </c>
    </row>
    <row r="2994" spans="2:3" x14ac:dyDescent="0.25">
      <c r="B2994" s="21">
        <v>43170</v>
      </c>
      <c r="C2994" s="6">
        <v>11199830</v>
      </c>
    </row>
    <row r="2995" spans="2:3" x14ac:dyDescent="0.25">
      <c r="B2995" s="21">
        <v>43171</v>
      </c>
      <c r="C2995" s="6">
        <v>13143969</v>
      </c>
    </row>
    <row r="2996" spans="2:3" x14ac:dyDescent="0.25">
      <c r="B2996" s="21">
        <v>43172</v>
      </c>
      <c r="C2996" s="6">
        <v>13135667</v>
      </c>
    </row>
    <row r="2997" spans="2:3" x14ac:dyDescent="0.25">
      <c r="B2997" s="21">
        <v>43173</v>
      </c>
      <c r="C2997" s="6">
        <v>13436178</v>
      </c>
    </row>
    <row r="2998" spans="2:3" x14ac:dyDescent="0.25">
      <c r="B2998" s="21">
        <v>43174</v>
      </c>
      <c r="C2998" s="6">
        <v>13370189</v>
      </c>
    </row>
    <row r="2999" spans="2:3" x14ac:dyDescent="0.25">
      <c r="B2999" s="21">
        <v>43175</v>
      </c>
      <c r="C2999" s="6">
        <v>13469631</v>
      </c>
    </row>
    <row r="3000" spans="2:3" x14ac:dyDescent="0.25">
      <c r="B3000" s="21">
        <v>43176</v>
      </c>
      <c r="C3000" s="6">
        <v>12439636</v>
      </c>
    </row>
    <row r="3001" spans="2:3" x14ac:dyDescent="0.25">
      <c r="B3001" s="21">
        <v>43177</v>
      </c>
      <c r="C3001" s="6">
        <v>12535696</v>
      </c>
    </row>
    <row r="3002" spans="2:3" x14ac:dyDescent="0.25">
      <c r="B3002" s="21">
        <v>43178</v>
      </c>
      <c r="C3002" s="6">
        <v>14720708</v>
      </c>
    </row>
    <row r="3003" spans="2:3" x14ac:dyDescent="0.25">
      <c r="B3003" s="21">
        <v>43179</v>
      </c>
      <c r="C3003" s="6">
        <v>14610214</v>
      </c>
    </row>
    <row r="3004" spans="2:3" x14ac:dyDescent="0.25">
      <c r="B3004" s="21">
        <v>43180</v>
      </c>
      <c r="C3004" s="6">
        <v>14520726</v>
      </c>
    </row>
    <row r="3005" spans="2:3" x14ac:dyDescent="0.25">
      <c r="B3005" s="21">
        <v>43181</v>
      </c>
      <c r="C3005" s="6">
        <v>14283118</v>
      </c>
    </row>
    <row r="3006" spans="2:3" x14ac:dyDescent="0.25">
      <c r="B3006" s="21">
        <v>43182</v>
      </c>
      <c r="C3006" s="6">
        <v>14155801</v>
      </c>
    </row>
    <row r="3007" spans="2:3" x14ac:dyDescent="0.25">
      <c r="B3007" s="21">
        <v>43183</v>
      </c>
      <c r="C3007" s="6">
        <v>12298397</v>
      </c>
    </row>
    <row r="3008" spans="2:3" x14ac:dyDescent="0.25">
      <c r="B3008" s="21">
        <v>43184</v>
      </c>
      <c r="C3008" s="6">
        <v>11563585</v>
      </c>
    </row>
    <row r="3009" spans="2:3" x14ac:dyDescent="0.25">
      <c r="B3009" s="21">
        <v>43185</v>
      </c>
      <c r="C3009" s="6">
        <v>14068082</v>
      </c>
    </row>
    <row r="3010" spans="2:3" x14ac:dyDescent="0.25">
      <c r="B3010" s="21">
        <v>43186</v>
      </c>
      <c r="C3010" s="6">
        <v>13964552</v>
      </c>
    </row>
    <row r="3011" spans="2:3" x14ac:dyDescent="0.25">
      <c r="B3011" s="21">
        <v>43187</v>
      </c>
      <c r="C3011" s="6">
        <v>13765793</v>
      </c>
    </row>
    <row r="3012" spans="2:3" x14ac:dyDescent="0.25">
      <c r="B3012" s="21">
        <v>43188</v>
      </c>
      <c r="C3012" s="6">
        <v>13359976</v>
      </c>
    </row>
    <row r="3013" spans="2:3" x14ac:dyDescent="0.25">
      <c r="B3013" s="21">
        <v>43189</v>
      </c>
      <c r="C3013" s="6">
        <v>11510491</v>
      </c>
    </row>
    <row r="3014" spans="2:3" x14ac:dyDescent="0.25">
      <c r="B3014" s="21">
        <v>43190</v>
      </c>
      <c r="C3014" s="6">
        <v>10955805</v>
      </c>
    </row>
    <row r="3015" spans="2:3" x14ac:dyDescent="0.25">
      <c r="B3015" s="21">
        <v>43191</v>
      </c>
      <c r="C3015" s="6">
        <v>10710549</v>
      </c>
    </row>
    <row r="3016" spans="2:3" x14ac:dyDescent="0.25">
      <c r="B3016" s="21">
        <v>43192</v>
      </c>
      <c r="C3016" s="6">
        <v>10315119</v>
      </c>
    </row>
    <row r="3017" spans="2:3" x14ac:dyDescent="0.25">
      <c r="B3017" s="21">
        <v>43193</v>
      </c>
      <c r="C3017" s="6">
        <v>12441887</v>
      </c>
    </row>
    <row r="3018" spans="2:3" x14ac:dyDescent="0.25">
      <c r="B3018" s="21">
        <v>43194</v>
      </c>
      <c r="C3018" s="6">
        <v>12442143</v>
      </c>
    </row>
    <row r="3019" spans="2:3" x14ac:dyDescent="0.25">
      <c r="B3019" s="21">
        <v>43195</v>
      </c>
      <c r="C3019" s="6">
        <v>12507367</v>
      </c>
    </row>
    <row r="3020" spans="2:3" x14ac:dyDescent="0.25">
      <c r="B3020" s="21">
        <v>43196</v>
      </c>
      <c r="C3020" s="6">
        <v>12451109</v>
      </c>
    </row>
    <row r="3021" spans="2:3" x14ac:dyDescent="0.25">
      <c r="B3021" s="21">
        <v>43197</v>
      </c>
      <c r="C3021" s="6">
        <v>10734515</v>
      </c>
    </row>
    <row r="3022" spans="2:3" x14ac:dyDescent="0.25">
      <c r="B3022" s="21">
        <v>43198</v>
      </c>
      <c r="C3022" s="6">
        <v>10357710</v>
      </c>
    </row>
    <row r="3023" spans="2:3" x14ac:dyDescent="0.25">
      <c r="B3023" s="21">
        <v>43199</v>
      </c>
      <c r="C3023" s="6">
        <v>12006006</v>
      </c>
    </row>
    <row r="3024" spans="2:3" x14ac:dyDescent="0.25">
      <c r="B3024" s="21">
        <v>43200</v>
      </c>
      <c r="C3024" s="6">
        <v>12035013</v>
      </c>
    </row>
    <row r="3025" spans="2:3" x14ac:dyDescent="0.25">
      <c r="B3025" s="21">
        <v>43201</v>
      </c>
      <c r="C3025" s="6">
        <v>11994395</v>
      </c>
    </row>
    <row r="3026" spans="2:3" x14ac:dyDescent="0.25">
      <c r="B3026" s="21">
        <v>43202</v>
      </c>
      <c r="C3026" s="6">
        <v>11802162</v>
      </c>
    </row>
    <row r="3027" spans="2:3" x14ac:dyDescent="0.25">
      <c r="B3027" s="21">
        <v>43203</v>
      </c>
      <c r="C3027" s="6">
        <v>11713689</v>
      </c>
    </row>
    <row r="3028" spans="2:3" x14ac:dyDescent="0.25">
      <c r="B3028" s="21">
        <v>43204</v>
      </c>
      <c r="C3028" s="6">
        <v>10070999</v>
      </c>
    </row>
    <row r="3029" spans="2:3" x14ac:dyDescent="0.25">
      <c r="B3029" s="21">
        <v>43205</v>
      </c>
      <c r="C3029" s="6">
        <v>9785832</v>
      </c>
    </row>
    <row r="3030" spans="2:3" x14ac:dyDescent="0.25">
      <c r="B3030" s="21">
        <v>43206</v>
      </c>
      <c r="C3030" s="6">
        <v>11791560</v>
      </c>
    </row>
    <row r="3031" spans="2:3" x14ac:dyDescent="0.25">
      <c r="B3031" s="21">
        <v>43207</v>
      </c>
      <c r="C3031" s="6">
        <v>11862221</v>
      </c>
    </row>
    <row r="3032" spans="2:3" x14ac:dyDescent="0.25">
      <c r="B3032" s="21">
        <v>43208</v>
      </c>
      <c r="C3032" s="6">
        <v>11907450</v>
      </c>
    </row>
    <row r="3033" spans="2:3" x14ac:dyDescent="0.25">
      <c r="B3033" s="21">
        <v>43209</v>
      </c>
      <c r="C3033" s="6">
        <v>11773428</v>
      </c>
    </row>
    <row r="3034" spans="2:3" x14ac:dyDescent="0.25">
      <c r="B3034" s="21">
        <v>43210</v>
      </c>
      <c r="C3034" s="6">
        <v>11510797</v>
      </c>
    </row>
    <row r="3035" spans="2:3" x14ac:dyDescent="0.25">
      <c r="B3035" s="21">
        <v>43211</v>
      </c>
      <c r="C3035" s="6">
        <v>10070544</v>
      </c>
    </row>
    <row r="3036" spans="2:3" x14ac:dyDescent="0.25">
      <c r="B3036" s="21">
        <v>43212</v>
      </c>
      <c r="C3036" s="6">
        <v>9740465</v>
      </c>
    </row>
    <row r="3037" spans="2:3" x14ac:dyDescent="0.25">
      <c r="B3037" s="21">
        <v>43213</v>
      </c>
      <c r="C3037" s="6">
        <v>11646757</v>
      </c>
    </row>
    <row r="3038" spans="2:3" x14ac:dyDescent="0.25">
      <c r="B3038" s="21">
        <v>43214</v>
      </c>
      <c r="C3038" s="6">
        <v>11740418</v>
      </c>
    </row>
    <row r="3039" spans="2:3" x14ac:dyDescent="0.25">
      <c r="B3039" s="21">
        <v>43215</v>
      </c>
      <c r="C3039" s="6">
        <v>11768236</v>
      </c>
    </row>
    <row r="3040" spans="2:3" x14ac:dyDescent="0.25">
      <c r="B3040" s="21">
        <v>43216</v>
      </c>
      <c r="C3040" s="6">
        <v>11912758</v>
      </c>
    </row>
    <row r="3041" spans="2:3" x14ac:dyDescent="0.25">
      <c r="B3041" s="21">
        <v>43217</v>
      </c>
      <c r="C3041" s="6">
        <v>11654034</v>
      </c>
    </row>
    <row r="3042" spans="2:3" x14ac:dyDescent="0.25">
      <c r="B3042" s="21">
        <v>43218</v>
      </c>
      <c r="C3042" s="6">
        <v>10016553</v>
      </c>
    </row>
    <row r="3043" spans="2:3" x14ac:dyDescent="0.25">
      <c r="B3043" s="21">
        <v>43219</v>
      </c>
      <c r="C3043" s="6">
        <v>9606242</v>
      </c>
    </row>
    <row r="3044" spans="2:3" x14ac:dyDescent="0.25">
      <c r="B3044" s="21">
        <v>43220</v>
      </c>
      <c r="C3044" s="6">
        <v>10435184</v>
      </c>
    </row>
    <row r="3045" spans="2:3" x14ac:dyDescent="0.25">
      <c r="B3045" s="21">
        <v>43221</v>
      </c>
      <c r="C3045" s="6">
        <v>9860824</v>
      </c>
    </row>
    <row r="3046" spans="2:3" x14ac:dyDescent="0.25">
      <c r="B3046" s="21">
        <v>43222</v>
      </c>
      <c r="C3046" s="6">
        <v>11558947</v>
      </c>
    </row>
    <row r="3047" spans="2:3" x14ac:dyDescent="0.25">
      <c r="B3047" s="21">
        <v>43223</v>
      </c>
      <c r="C3047" s="6">
        <v>11773065</v>
      </c>
    </row>
    <row r="3048" spans="2:3" x14ac:dyDescent="0.25">
      <c r="B3048" s="21">
        <v>43224</v>
      </c>
      <c r="C3048" s="6">
        <v>11628212</v>
      </c>
    </row>
    <row r="3049" spans="2:3" x14ac:dyDescent="0.25">
      <c r="B3049" s="21">
        <v>43225</v>
      </c>
      <c r="C3049" s="6">
        <v>9947416</v>
      </c>
    </row>
    <row r="3050" spans="2:3" x14ac:dyDescent="0.25">
      <c r="B3050" s="21">
        <v>43226</v>
      </c>
      <c r="C3050" s="6">
        <v>9533979</v>
      </c>
    </row>
    <row r="3051" spans="2:3" x14ac:dyDescent="0.25">
      <c r="B3051" s="21">
        <v>43227</v>
      </c>
      <c r="C3051" s="6">
        <v>10752137</v>
      </c>
    </row>
    <row r="3052" spans="2:3" x14ac:dyDescent="0.25">
      <c r="B3052" s="21">
        <v>43228</v>
      </c>
      <c r="C3052" s="6">
        <v>10211897</v>
      </c>
    </row>
    <row r="3053" spans="2:3" x14ac:dyDescent="0.25">
      <c r="B3053" s="21">
        <v>43229</v>
      </c>
      <c r="C3053" s="6">
        <v>11683411</v>
      </c>
    </row>
    <row r="3054" spans="2:3" x14ac:dyDescent="0.25">
      <c r="B3054" s="21">
        <v>43230</v>
      </c>
      <c r="C3054" s="6">
        <v>11766994</v>
      </c>
    </row>
    <row r="3055" spans="2:3" x14ac:dyDescent="0.25">
      <c r="B3055" s="21">
        <v>43231</v>
      </c>
      <c r="C3055" s="6">
        <v>11532993</v>
      </c>
    </row>
    <row r="3056" spans="2:3" x14ac:dyDescent="0.25">
      <c r="B3056" s="21">
        <v>43232</v>
      </c>
      <c r="C3056" s="6">
        <v>10043917</v>
      </c>
    </row>
    <row r="3057" spans="2:3" x14ac:dyDescent="0.25">
      <c r="B3057" s="21">
        <v>43233</v>
      </c>
      <c r="C3057" s="6">
        <v>9653556</v>
      </c>
    </row>
    <row r="3058" spans="2:3" x14ac:dyDescent="0.25">
      <c r="B3058" s="21">
        <v>43234</v>
      </c>
      <c r="C3058" s="6">
        <v>11655664</v>
      </c>
    </row>
    <row r="3059" spans="2:3" x14ac:dyDescent="0.25">
      <c r="B3059" s="21">
        <v>43235</v>
      </c>
      <c r="C3059" s="6">
        <v>11813493</v>
      </c>
    </row>
    <row r="3060" spans="2:3" x14ac:dyDescent="0.25">
      <c r="B3060" s="21">
        <v>43236</v>
      </c>
      <c r="C3060" s="6">
        <v>11820128</v>
      </c>
    </row>
    <row r="3061" spans="2:3" x14ac:dyDescent="0.25">
      <c r="B3061" s="21">
        <v>43237</v>
      </c>
      <c r="C3061" s="6">
        <v>12006254</v>
      </c>
    </row>
    <row r="3062" spans="2:3" x14ac:dyDescent="0.25">
      <c r="B3062" s="21">
        <v>43238</v>
      </c>
      <c r="C3062" s="6">
        <v>11585212</v>
      </c>
    </row>
    <row r="3063" spans="2:3" x14ac:dyDescent="0.25">
      <c r="B3063" s="21">
        <v>43239</v>
      </c>
      <c r="C3063" s="6">
        <v>10000076</v>
      </c>
    </row>
    <row r="3064" spans="2:3" x14ac:dyDescent="0.25">
      <c r="B3064" s="21">
        <v>43240</v>
      </c>
      <c r="C3064" s="6">
        <v>9609639</v>
      </c>
    </row>
    <row r="3065" spans="2:3" x14ac:dyDescent="0.25">
      <c r="B3065" s="21">
        <v>43241</v>
      </c>
      <c r="C3065" s="6">
        <v>11453462</v>
      </c>
    </row>
    <row r="3066" spans="2:3" x14ac:dyDescent="0.25">
      <c r="B3066" s="21">
        <v>43242</v>
      </c>
      <c r="C3066" s="6">
        <v>11683614</v>
      </c>
    </row>
    <row r="3067" spans="2:3" x14ac:dyDescent="0.25">
      <c r="B3067" s="21">
        <v>43243</v>
      </c>
      <c r="C3067" s="6">
        <v>11861885</v>
      </c>
    </row>
    <row r="3068" spans="2:3" x14ac:dyDescent="0.25">
      <c r="B3068" s="21">
        <v>43244</v>
      </c>
      <c r="C3068" s="6">
        <v>11829326</v>
      </c>
    </row>
    <row r="3069" spans="2:3" x14ac:dyDescent="0.25">
      <c r="B3069" s="21">
        <v>43245</v>
      </c>
      <c r="C3069" s="6">
        <v>11623658</v>
      </c>
    </row>
    <row r="3070" spans="2:3" x14ac:dyDescent="0.25">
      <c r="B3070" s="21">
        <v>43246</v>
      </c>
      <c r="C3070" s="6">
        <v>10009390</v>
      </c>
    </row>
    <row r="3071" spans="2:3" x14ac:dyDescent="0.25">
      <c r="B3071" s="21">
        <v>43247</v>
      </c>
      <c r="C3071" s="6">
        <v>9800365</v>
      </c>
    </row>
    <row r="3072" spans="2:3" x14ac:dyDescent="0.25">
      <c r="B3072" s="21">
        <v>43248</v>
      </c>
      <c r="C3072" s="6">
        <v>11835430</v>
      </c>
    </row>
    <row r="3073" spans="2:3" x14ac:dyDescent="0.25">
      <c r="B3073" s="21">
        <v>43249</v>
      </c>
      <c r="C3073" s="6">
        <v>12032551</v>
      </c>
    </row>
    <row r="3074" spans="2:3" x14ac:dyDescent="0.25">
      <c r="B3074" s="21">
        <v>43250</v>
      </c>
      <c r="C3074" s="6">
        <v>11974381</v>
      </c>
    </row>
    <row r="3075" spans="2:3" x14ac:dyDescent="0.25">
      <c r="B3075" s="21">
        <v>43251</v>
      </c>
      <c r="C3075" s="6">
        <v>11912779</v>
      </c>
    </row>
    <row r="3076" spans="2:3" x14ac:dyDescent="0.25">
      <c r="B3076" s="21">
        <v>43252</v>
      </c>
      <c r="C3076" s="6">
        <v>11632521</v>
      </c>
    </row>
    <row r="3077" spans="2:3" x14ac:dyDescent="0.25">
      <c r="B3077" s="21">
        <v>43253</v>
      </c>
      <c r="C3077" s="6">
        <v>10044312</v>
      </c>
    </row>
    <row r="3078" spans="2:3" x14ac:dyDescent="0.25">
      <c r="B3078" s="21">
        <v>43254</v>
      </c>
      <c r="C3078" s="6">
        <v>9740302</v>
      </c>
    </row>
    <row r="3079" spans="2:3" x14ac:dyDescent="0.25">
      <c r="B3079" s="21">
        <v>43255</v>
      </c>
      <c r="C3079" s="6">
        <v>11625896</v>
      </c>
    </row>
    <row r="3080" spans="2:3" x14ac:dyDescent="0.25">
      <c r="B3080" s="21">
        <v>43256</v>
      </c>
      <c r="C3080" s="6">
        <v>11843276</v>
      </c>
    </row>
    <row r="3081" spans="2:3" x14ac:dyDescent="0.25">
      <c r="B3081" s="21">
        <v>43257</v>
      </c>
      <c r="C3081" s="6">
        <v>11756093</v>
      </c>
    </row>
    <row r="3082" spans="2:3" x14ac:dyDescent="0.25">
      <c r="B3082" s="21">
        <v>43258</v>
      </c>
      <c r="C3082" s="6">
        <v>11875752</v>
      </c>
    </row>
    <row r="3083" spans="2:3" x14ac:dyDescent="0.25">
      <c r="B3083" s="21">
        <v>43259</v>
      </c>
      <c r="C3083" s="6">
        <v>11806188</v>
      </c>
    </row>
    <row r="3084" spans="2:3" x14ac:dyDescent="0.25">
      <c r="B3084" s="21">
        <v>43260</v>
      </c>
      <c r="C3084" s="6">
        <v>10175102</v>
      </c>
    </row>
    <row r="3085" spans="2:3" x14ac:dyDescent="0.25">
      <c r="B3085" s="21">
        <v>43261</v>
      </c>
      <c r="C3085" s="6">
        <v>9913780</v>
      </c>
    </row>
    <row r="3086" spans="2:3" x14ac:dyDescent="0.25">
      <c r="B3086" s="21">
        <v>43262</v>
      </c>
      <c r="C3086" s="6">
        <v>11809788</v>
      </c>
    </row>
    <row r="3087" spans="2:3" x14ac:dyDescent="0.25">
      <c r="B3087" s="21">
        <v>43263</v>
      </c>
      <c r="C3087" s="6">
        <v>11851126</v>
      </c>
    </row>
    <row r="3088" spans="2:3" x14ac:dyDescent="0.25">
      <c r="B3088" s="21">
        <v>43264</v>
      </c>
      <c r="C3088" s="6">
        <v>11827127</v>
      </c>
    </row>
    <row r="3089" spans="2:3" x14ac:dyDescent="0.25">
      <c r="B3089" s="21">
        <v>43265</v>
      </c>
      <c r="C3089" s="6">
        <v>11728421</v>
      </c>
    </row>
    <row r="3090" spans="2:3" x14ac:dyDescent="0.25">
      <c r="B3090" s="21">
        <v>43266</v>
      </c>
      <c r="C3090" s="6">
        <v>11517824</v>
      </c>
    </row>
    <row r="3091" spans="2:3" x14ac:dyDescent="0.25">
      <c r="B3091" s="21">
        <v>43267</v>
      </c>
      <c r="C3091" s="6">
        <v>10013160</v>
      </c>
    </row>
    <row r="3092" spans="2:3" x14ac:dyDescent="0.25">
      <c r="B3092" s="21">
        <v>43268</v>
      </c>
      <c r="C3092" s="6">
        <v>9732285</v>
      </c>
    </row>
    <row r="3093" spans="2:3" x14ac:dyDescent="0.25">
      <c r="B3093" s="21">
        <v>43269</v>
      </c>
      <c r="C3093" s="6">
        <v>11648718</v>
      </c>
    </row>
    <row r="3094" spans="2:3" x14ac:dyDescent="0.25">
      <c r="B3094" s="21">
        <v>43270</v>
      </c>
      <c r="C3094" s="6">
        <v>11731155</v>
      </c>
    </row>
    <row r="3095" spans="2:3" x14ac:dyDescent="0.25">
      <c r="B3095" s="21">
        <v>43271</v>
      </c>
      <c r="C3095" s="6">
        <v>11870050</v>
      </c>
    </row>
    <row r="3096" spans="2:3" x14ac:dyDescent="0.25">
      <c r="B3096" s="21">
        <v>43272</v>
      </c>
      <c r="C3096" s="6">
        <v>11914464</v>
      </c>
    </row>
    <row r="3097" spans="2:3" x14ac:dyDescent="0.25">
      <c r="B3097" s="21">
        <v>43273</v>
      </c>
      <c r="C3097" s="6">
        <v>11376874</v>
      </c>
    </row>
    <row r="3098" spans="2:3" x14ac:dyDescent="0.25">
      <c r="B3098" s="21">
        <v>43274</v>
      </c>
      <c r="C3098" s="6">
        <v>9731940</v>
      </c>
    </row>
    <row r="3099" spans="2:3" x14ac:dyDescent="0.25">
      <c r="B3099" s="21">
        <v>43275</v>
      </c>
      <c r="C3099" s="6">
        <v>9560907</v>
      </c>
    </row>
    <row r="3100" spans="2:3" x14ac:dyDescent="0.25">
      <c r="B3100" s="21">
        <v>43276</v>
      </c>
      <c r="C3100" s="6">
        <v>11615778</v>
      </c>
    </row>
    <row r="3101" spans="2:3" x14ac:dyDescent="0.25">
      <c r="B3101" s="21">
        <v>43277</v>
      </c>
      <c r="C3101" s="6">
        <v>11729432</v>
      </c>
    </row>
    <row r="3102" spans="2:3" x14ac:dyDescent="0.25">
      <c r="B3102" s="21">
        <v>43278</v>
      </c>
      <c r="C3102" s="6">
        <v>11705242</v>
      </c>
    </row>
    <row r="3103" spans="2:3" x14ac:dyDescent="0.25">
      <c r="B3103" s="21">
        <v>43279</v>
      </c>
      <c r="C3103" s="6">
        <v>11862525</v>
      </c>
    </row>
    <row r="3104" spans="2:3" x14ac:dyDescent="0.25">
      <c r="B3104" s="21">
        <v>43280</v>
      </c>
      <c r="C3104" s="6">
        <v>11475384</v>
      </c>
    </row>
    <row r="3105" spans="2:3" x14ac:dyDescent="0.25">
      <c r="B3105" s="21">
        <v>43281</v>
      </c>
      <c r="C3105" s="6">
        <v>9656528</v>
      </c>
    </row>
    <row r="3106" spans="2:3" x14ac:dyDescent="0.25">
      <c r="B3106" s="21">
        <v>43282</v>
      </c>
      <c r="C3106" s="6">
        <v>9272104</v>
      </c>
    </row>
    <row r="3107" spans="2:3" x14ac:dyDescent="0.25">
      <c r="B3107" s="21">
        <v>43283</v>
      </c>
      <c r="C3107" s="6">
        <v>11064917</v>
      </c>
    </row>
    <row r="3108" spans="2:3" x14ac:dyDescent="0.25">
      <c r="B3108" s="21">
        <v>43284</v>
      </c>
      <c r="C3108" s="6">
        <v>11107270</v>
      </c>
    </row>
    <row r="3109" spans="2:3" x14ac:dyDescent="0.25">
      <c r="B3109" s="21">
        <v>43285</v>
      </c>
      <c r="C3109" s="6">
        <v>10919381</v>
      </c>
    </row>
    <row r="3110" spans="2:3" x14ac:dyDescent="0.25">
      <c r="B3110" s="21">
        <v>43286</v>
      </c>
      <c r="C3110" s="6">
        <v>9600108</v>
      </c>
    </row>
    <row r="3111" spans="2:3" x14ac:dyDescent="0.25">
      <c r="B3111" s="21">
        <v>43287</v>
      </c>
      <c r="C3111" s="6">
        <v>9276808</v>
      </c>
    </row>
    <row r="3112" spans="2:3" x14ac:dyDescent="0.25">
      <c r="B3112" s="21">
        <v>43288</v>
      </c>
      <c r="C3112" s="6">
        <v>9118680</v>
      </c>
    </row>
    <row r="3113" spans="2:3" x14ac:dyDescent="0.25">
      <c r="B3113" s="21">
        <v>43289</v>
      </c>
      <c r="C3113" s="6">
        <v>9202973</v>
      </c>
    </row>
    <row r="3114" spans="2:3" x14ac:dyDescent="0.25">
      <c r="B3114" s="21">
        <v>43290</v>
      </c>
      <c r="C3114" s="6">
        <v>11121944</v>
      </c>
    </row>
    <row r="3115" spans="2:3" x14ac:dyDescent="0.25">
      <c r="B3115" s="21">
        <v>43291</v>
      </c>
      <c r="C3115" s="6">
        <v>11271948</v>
      </c>
    </row>
    <row r="3116" spans="2:3" x14ac:dyDescent="0.25">
      <c r="B3116" s="21">
        <v>43292</v>
      </c>
      <c r="C3116" s="6">
        <v>11313507</v>
      </c>
    </row>
    <row r="3117" spans="2:3" x14ac:dyDescent="0.25">
      <c r="B3117" s="21">
        <v>43293</v>
      </c>
      <c r="C3117" s="6">
        <v>11232037</v>
      </c>
    </row>
    <row r="3118" spans="2:3" x14ac:dyDescent="0.25">
      <c r="B3118" s="21">
        <v>43294</v>
      </c>
      <c r="C3118" s="6">
        <v>11062364</v>
      </c>
    </row>
    <row r="3119" spans="2:3" x14ac:dyDescent="0.25">
      <c r="B3119" s="21">
        <v>43295</v>
      </c>
      <c r="C3119" s="6">
        <v>9702748</v>
      </c>
    </row>
    <row r="3120" spans="2:3" x14ac:dyDescent="0.25">
      <c r="B3120" s="21">
        <v>43296</v>
      </c>
      <c r="C3120" s="6">
        <v>9493659</v>
      </c>
    </row>
    <row r="3121" spans="2:3" x14ac:dyDescent="0.25">
      <c r="B3121" s="21">
        <v>43297</v>
      </c>
      <c r="C3121" s="6">
        <v>11246521</v>
      </c>
    </row>
    <row r="3122" spans="2:3" x14ac:dyDescent="0.25">
      <c r="B3122" s="21">
        <v>43298</v>
      </c>
      <c r="C3122" s="6">
        <v>11358352</v>
      </c>
    </row>
    <row r="3123" spans="2:3" x14ac:dyDescent="0.25">
      <c r="B3123" s="21">
        <v>43299</v>
      </c>
      <c r="C3123" s="6">
        <v>11392952</v>
      </c>
    </row>
    <row r="3124" spans="2:3" x14ac:dyDescent="0.25">
      <c r="B3124" s="21">
        <v>43300</v>
      </c>
      <c r="C3124" s="6">
        <v>11291890</v>
      </c>
    </row>
    <row r="3125" spans="2:3" x14ac:dyDescent="0.25">
      <c r="B3125" s="21">
        <v>43301</v>
      </c>
      <c r="C3125" s="6">
        <v>11016222</v>
      </c>
    </row>
    <row r="3126" spans="2:3" x14ac:dyDescent="0.25">
      <c r="B3126" s="21">
        <v>43302</v>
      </c>
      <c r="C3126" s="6">
        <v>9638068</v>
      </c>
    </row>
    <row r="3127" spans="2:3" x14ac:dyDescent="0.25">
      <c r="B3127" s="21">
        <v>43303</v>
      </c>
      <c r="C3127" s="6">
        <v>9358218</v>
      </c>
    </row>
    <row r="3128" spans="2:3" x14ac:dyDescent="0.25">
      <c r="B3128" s="21">
        <v>43304</v>
      </c>
      <c r="C3128" s="6">
        <v>11075932</v>
      </c>
    </row>
    <row r="3129" spans="2:3" x14ac:dyDescent="0.25">
      <c r="B3129" s="21">
        <v>43305</v>
      </c>
      <c r="C3129" s="6">
        <v>11211939</v>
      </c>
    </row>
    <row r="3130" spans="2:3" x14ac:dyDescent="0.25">
      <c r="B3130" s="21">
        <v>43306</v>
      </c>
      <c r="C3130" s="6">
        <v>11194497</v>
      </c>
    </row>
    <row r="3131" spans="2:3" x14ac:dyDescent="0.25">
      <c r="B3131" s="21">
        <v>43307</v>
      </c>
      <c r="C3131" s="6">
        <v>11220071</v>
      </c>
    </row>
    <row r="3132" spans="2:3" x14ac:dyDescent="0.25">
      <c r="B3132" s="21">
        <v>43308</v>
      </c>
      <c r="C3132" s="6">
        <v>10998196</v>
      </c>
    </row>
    <row r="3133" spans="2:3" x14ac:dyDescent="0.25">
      <c r="B3133" s="21">
        <v>43309</v>
      </c>
      <c r="C3133" s="6">
        <v>9562468</v>
      </c>
    </row>
    <row r="3134" spans="2:3" x14ac:dyDescent="0.25">
      <c r="B3134" s="21">
        <v>43310</v>
      </c>
      <c r="C3134" s="6">
        <v>9354849</v>
      </c>
    </row>
    <row r="3135" spans="2:3" x14ac:dyDescent="0.25">
      <c r="B3135" s="21">
        <v>43311</v>
      </c>
      <c r="C3135" s="6">
        <v>10992272</v>
      </c>
    </row>
    <row r="3136" spans="2:3" x14ac:dyDescent="0.25">
      <c r="B3136" s="21">
        <v>43312</v>
      </c>
      <c r="C3136" s="6">
        <v>11221465</v>
      </c>
    </row>
    <row r="3137" spans="2:3" x14ac:dyDescent="0.25">
      <c r="B3137" s="21">
        <v>43313</v>
      </c>
      <c r="C3137" s="6">
        <v>11296029</v>
      </c>
    </row>
    <row r="3138" spans="2:3" x14ac:dyDescent="0.25">
      <c r="B3138" s="21">
        <v>43314</v>
      </c>
      <c r="C3138" s="6">
        <v>11241727</v>
      </c>
    </row>
    <row r="3139" spans="2:3" x14ac:dyDescent="0.25">
      <c r="B3139" s="21">
        <v>43315</v>
      </c>
      <c r="C3139" s="6">
        <v>10981044</v>
      </c>
    </row>
    <row r="3140" spans="2:3" x14ac:dyDescent="0.25">
      <c r="B3140" s="21">
        <v>43316</v>
      </c>
      <c r="C3140" s="6">
        <v>9587152</v>
      </c>
    </row>
    <row r="3141" spans="2:3" x14ac:dyDescent="0.25">
      <c r="B3141" s="21">
        <v>43317</v>
      </c>
      <c r="C3141" s="6">
        <v>9350492</v>
      </c>
    </row>
    <row r="3142" spans="2:3" x14ac:dyDescent="0.25">
      <c r="B3142" s="21">
        <v>43318</v>
      </c>
      <c r="C3142" s="6">
        <v>10829723</v>
      </c>
    </row>
    <row r="3143" spans="2:3" x14ac:dyDescent="0.25">
      <c r="B3143" s="21">
        <v>43319</v>
      </c>
      <c r="C3143" s="6">
        <v>10994483</v>
      </c>
    </row>
    <row r="3144" spans="2:3" x14ac:dyDescent="0.25">
      <c r="B3144" s="21">
        <v>43320</v>
      </c>
      <c r="C3144" s="6">
        <v>11412903</v>
      </c>
    </row>
    <row r="3145" spans="2:3" x14ac:dyDescent="0.25">
      <c r="B3145" s="21">
        <v>43321</v>
      </c>
      <c r="C3145" s="6">
        <v>11512385</v>
      </c>
    </row>
    <row r="3146" spans="2:3" x14ac:dyDescent="0.25">
      <c r="B3146" s="21">
        <v>43322</v>
      </c>
      <c r="C3146" s="6">
        <v>11091137</v>
      </c>
    </row>
    <row r="3147" spans="2:3" x14ac:dyDescent="0.25">
      <c r="B3147" s="21">
        <v>43323</v>
      </c>
      <c r="C3147" s="6">
        <v>9388947</v>
      </c>
    </row>
    <row r="3148" spans="2:3" x14ac:dyDescent="0.25">
      <c r="B3148" s="21">
        <v>43324</v>
      </c>
      <c r="C3148" s="6">
        <v>9133014</v>
      </c>
    </row>
    <row r="3149" spans="2:3" x14ac:dyDescent="0.25">
      <c r="B3149" s="21">
        <v>43325</v>
      </c>
      <c r="C3149" s="6">
        <v>11244761</v>
      </c>
    </row>
    <row r="3150" spans="2:3" x14ac:dyDescent="0.25">
      <c r="B3150" s="21">
        <v>43326</v>
      </c>
      <c r="C3150" s="6">
        <v>11400685</v>
      </c>
    </row>
    <row r="3151" spans="2:3" x14ac:dyDescent="0.25">
      <c r="B3151" s="21">
        <v>43327</v>
      </c>
      <c r="C3151" s="6">
        <v>11237237</v>
      </c>
    </row>
    <row r="3152" spans="2:3" x14ac:dyDescent="0.25">
      <c r="B3152" s="21">
        <v>43328</v>
      </c>
      <c r="C3152" s="6">
        <v>11249422</v>
      </c>
    </row>
    <row r="3153" spans="2:3" x14ac:dyDescent="0.25">
      <c r="B3153" s="21">
        <v>43329</v>
      </c>
      <c r="C3153" s="6">
        <v>11233533</v>
      </c>
    </row>
    <row r="3154" spans="2:3" x14ac:dyDescent="0.25">
      <c r="B3154" s="21">
        <v>43330</v>
      </c>
      <c r="C3154" s="6">
        <v>9793481</v>
      </c>
    </row>
    <row r="3155" spans="2:3" x14ac:dyDescent="0.25">
      <c r="B3155" s="21">
        <v>43331</v>
      </c>
      <c r="C3155" s="6">
        <v>9676458</v>
      </c>
    </row>
    <row r="3156" spans="2:3" x14ac:dyDescent="0.25">
      <c r="B3156" s="21">
        <v>43332</v>
      </c>
      <c r="C3156" s="6">
        <v>11593255</v>
      </c>
    </row>
    <row r="3157" spans="2:3" x14ac:dyDescent="0.25">
      <c r="B3157" s="21">
        <v>43333</v>
      </c>
      <c r="C3157" s="6">
        <v>11557569</v>
      </c>
    </row>
    <row r="3158" spans="2:3" x14ac:dyDescent="0.25">
      <c r="B3158" s="21">
        <v>43334</v>
      </c>
      <c r="C3158" s="6">
        <v>11751433</v>
      </c>
    </row>
    <row r="3159" spans="2:3" x14ac:dyDescent="0.25">
      <c r="B3159" s="21">
        <v>43335</v>
      </c>
      <c r="C3159" s="6">
        <v>11702642</v>
      </c>
    </row>
    <row r="3160" spans="2:3" x14ac:dyDescent="0.25">
      <c r="B3160" s="21">
        <v>43336</v>
      </c>
      <c r="C3160" s="6">
        <v>11430018</v>
      </c>
    </row>
    <row r="3161" spans="2:3" x14ac:dyDescent="0.25">
      <c r="B3161" s="21">
        <v>43337</v>
      </c>
      <c r="C3161" s="6">
        <v>9718753</v>
      </c>
    </row>
    <row r="3162" spans="2:3" x14ac:dyDescent="0.25">
      <c r="B3162" s="21">
        <v>43338</v>
      </c>
      <c r="C3162" s="6">
        <v>9387563</v>
      </c>
    </row>
    <row r="3163" spans="2:3" x14ac:dyDescent="0.25">
      <c r="B3163" s="21">
        <v>43339</v>
      </c>
      <c r="C3163" s="6">
        <v>11184771</v>
      </c>
    </row>
    <row r="3164" spans="2:3" x14ac:dyDescent="0.25">
      <c r="B3164" s="21">
        <v>43340</v>
      </c>
      <c r="C3164" s="6">
        <v>11575779</v>
      </c>
    </row>
    <row r="3165" spans="2:3" x14ac:dyDescent="0.25">
      <c r="B3165" s="21">
        <v>43341</v>
      </c>
      <c r="C3165" s="6">
        <v>11688826</v>
      </c>
    </row>
    <row r="3166" spans="2:3" x14ac:dyDescent="0.25">
      <c r="B3166" s="21">
        <v>43342</v>
      </c>
      <c r="C3166" s="6">
        <v>11724827</v>
      </c>
    </row>
    <row r="3167" spans="2:3" x14ac:dyDescent="0.25">
      <c r="B3167" s="21">
        <v>43343</v>
      </c>
      <c r="C3167" s="6">
        <v>11476597</v>
      </c>
    </row>
    <row r="3168" spans="2:3" x14ac:dyDescent="0.25">
      <c r="B3168" s="21">
        <v>43344</v>
      </c>
      <c r="C3168" s="6">
        <v>9848813</v>
      </c>
    </row>
    <row r="3169" spans="2:3" x14ac:dyDescent="0.25">
      <c r="B3169" s="21">
        <v>43345</v>
      </c>
      <c r="C3169" s="6">
        <v>9523027</v>
      </c>
    </row>
    <row r="3170" spans="2:3" x14ac:dyDescent="0.25">
      <c r="B3170" s="21">
        <v>43346</v>
      </c>
      <c r="C3170" s="6">
        <v>11521892</v>
      </c>
    </row>
    <row r="3171" spans="2:3" x14ac:dyDescent="0.25">
      <c r="B3171" s="21">
        <v>43347</v>
      </c>
      <c r="C3171" s="6">
        <v>11645985</v>
      </c>
    </row>
    <row r="3172" spans="2:3" x14ac:dyDescent="0.25">
      <c r="B3172" s="21">
        <v>43348</v>
      </c>
      <c r="C3172" s="6">
        <v>11622911</v>
      </c>
    </row>
    <row r="3173" spans="2:3" x14ac:dyDescent="0.25">
      <c r="B3173" s="21">
        <v>43349</v>
      </c>
      <c r="C3173" s="6">
        <v>11516240</v>
      </c>
    </row>
    <row r="3174" spans="2:3" x14ac:dyDescent="0.25">
      <c r="B3174" s="21">
        <v>43350</v>
      </c>
      <c r="C3174" s="6">
        <v>11280278</v>
      </c>
    </row>
    <row r="3175" spans="2:3" x14ac:dyDescent="0.25">
      <c r="B3175" s="21">
        <v>43351</v>
      </c>
      <c r="C3175" s="6">
        <v>9777813</v>
      </c>
    </row>
    <row r="3176" spans="2:3" x14ac:dyDescent="0.25">
      <c r="B3176" s="21">
        <v>43352</v>
      </c>
      <c r="C3176" s="6">
        <v>9455005</v>
      </c>
    </row>
    <row r="3177" spans="2:3" x14ac:dyDescent="0.25">
      <c r="B3177" s="21">
        <v>43353</v>
      </c>
      <c r="C3177" s="6">
        <v>11450325</v>
      </c>
    </row>
    <row r="3178" spans="2:3" x14ac:dyDescent="0.25">
      <c r="B3178" s="21">
        <v>43354</v>
      </c>
      <c r="C3178" s="6">
        <v>11507130</v>
      </c>
    </row>
    <row r="3179" spans="2:3" x14ac:dyDescent="0.25">
      <c r="B3179" s="21">
        <v>43355</v>
      </c>
      <c r="C3179" s="6">
        <v>11626401</v>
      </c>
    </row>
    <row r="3180" spans="2:3" x14ac:dyDescent="0.25">
      <c r="B3180" s="21">
        <v>43356</v>
      </c>
      <c r="C3180" s="6">
        <v>11842716</v>
      </c>
    </row>
    <row r="3181" spans="2:3" x14ac:dyDescent="0.25">
      <c r="B3181" s="21">
        <v>43357</v>
      </c>
      <c r="C3181" s="6">
        <v>11552586</v>
      </c>
    </row>
    <row r="3182" spans="2:3" x14ac:dyDescent="0.25">
      <c r="B3182" s="21">
        <v>43358</v>
      </c>
      <c r="C3182" s="6">
        <v>9840217</v>
      </c>
    </row>
    <row r="3183" spans="2:3" x14ac:dyDescent="0.25">
      <c r="B3183" s="21">
        <v>43359</v>
      </c>
      <c r="C3183" s="6">
        <v>9551714</v>
      </c>
    </row>
    <row r="3184" spans="2:3" x14ac:dyDescent="0.25">
      <c r="B3184" s="21">
        <v>43360</v>
      </c>
      <c r="C3184" s="6">
        <v>11498441</v>
      </c>
    </row>
    <row r="3185" spans="2:3" x14ac:dyDescent="0.25">
      <c r="B3185" s="21">
        <v>43361</v>
      </c>
      <c r="C3185" s="6">
        <v>11688642</v>
      </c>
    </row>
    <row r="3186" spans="2:3" x14ac:dyDescent="0.25">
      <c r="B3186" s="21">
        <v>43362</v>
      </c>
      <c r="C3186" s="6">
        <v>11824102</v>
      </c>
    </row>
    <row r="3187" spans="2:3" x14ac:dyDescent="0.25">
      <c r="B3187" s="21">
        <v>43363</v>
      </c>
      <c r="C3187" s="6">
        <v>11790795</v>
      </c>
    </row>
    <row r="3188" spans="2:3" x14ac:dyDescent="0.25">
      <c r="B3188" s="21">
        <v>43364</v>
      </c>
      <c r="C3188" s="6">
        <v>11250318</v>
      </c>
    </row>
    <row r="3189" spans="2:3" x14ac:dyDescent="0.25">
      <c r="B3189" s="21">
        <v>43365</v>
      </c>
      <c r="C3189" s="6">
        <v>9771931</v>
      </c>
    </row>
    <row r="3190" spans="2:3" x14ac:dyDescent="0.25">
      <c r="B3190" s="21">
        <v>43366</v>
      </c>
      <c r="C3190" s="6">
        <v>9628834</v>
      </c>
    </row>
    <row r="3191" spans="2:3" x14ac:dyDescent="0.25">
      <c r="B3191" s="21">
        <v>43367</v>
      </c>
      <c r="C3191" s="6">
        <v>11506215</v>
      </c>
    </row>
    <row r="3192" spans="2:3" x14ac:dyDescent="0.25">
      <c r="B3192" s="21">
        <v>43368</v>
      </c>
      <c r="C3192" s="6">
        <v>12003791</v>
      </c>
    </row>
    <row r="3193" spans="2:3" x14ac:dyDescent="0.25">
      <c r="B3193" s="21">
        <v>43369</v>
      </c>
      <c r="C3193" s="6">
        <v>12046581</v>
      </c>
    </row>
    <row r="3194" spans="2:3" x14ac:dyDescent="0.25">
      <c r="B3194" s="21">
        <v>43370</v>
      </c>
      <c r="C3194" s="6">
        <v>12005152</v>
      </c>
    </row>
    <row r="3195" spans="2:3" x14ac:dyDescent="0.25">
      <c r="B3195" s="21">
        <v>43371</v>
      </c>
      <c r="C3195" s="6">
        <v>10414740</v>
      </c>
    </row>
    <row r="3196" spans="2:3" x14ac:dyDescent="0.25">
      <c r="B3196" s="21">
        <v>43372</v>
      </c>
      <c r="C3196" s="6">
        <v>10166637</v>
      </c>
    </row>
    <row r="3197" spans="2:3" x14ac:dyDescent="0.25">
      <c r="B3197" s="21">
        <v>43373</v>
      </c>
      <c r="C3197" s="6">
        <v>10184667</v>
      </c>
    </row>
    <row r="3198" spans="2:3" x14ac:dyDescent="0.25">
      <c r="B3198" s="21">
        <v>43374</v>
      </c>
      <c r="C3198" s="6">
        <v>12276935</v>
      </c>
    </row>
    <row r="3199" spans="2:3" x14ac:dyDescent="0.25">
      <c r="B3199" s="21">
        <v>43375</v>
      </c>
      <c r="C3199" s="6">
        <v>12548031</v>
      </c>
    </row>
    <row r="3200" spans="2:3" x14ac:dyDescent="0.25">
      <c r="B3200" s="21">
        <v>43376</v>
      </c>
      <c r="C3200" s="6">
        <v>12498671</v>
      </c>
    </row>
    <row r="3201" spans="2:3" x14ac:dyDescent="0.25">
      <c r="B3201" s="21">
        <v>43377</v>
      </c>
      <c r="C3201" s="6">
        <v>12291517</v>
      </c>
    </row>
    <row r="3202" spans="2:3" x14ac:dyDescent="0.25">
      <c r="B3202" s="21">
        <v>43378</v>
      </c>
      <c r="C3202" s="6">
        <v>12143519</v>
      </c>
    </row>
    <row r="3203" spans="2:3" x14ac:dyDescent="0.25">
      <c r="B3203" s="21">
        <v>43379</v>
      </c>
      <c r="C3203" s="6">
        <v>10169166</v>
      </c>
    </row>
    <row r="3204" spans="2:3" x14ac:dyDescent="0.25">
      <c r="B3204" s="21">
        <v>43380</v>
      </c>
      <c r="C3204" s="6">
        <v>10105350</v>
      </c>
    </row>
    <row r="3205" spans="2:3" x14ac:dyDescent="0.25">
      <c r="B3205" s="21">
        <v>43381</v>
      </c>
      <c r="C3205" s="6">
        <v>11923235</v>
      </c>
    </row>
    <row r="3206" spans="2:3" x14ac:dyDescent="0.25">
      <c r="B3206" s="21">
        <v>43382</v>
      </c>
      <c r="C3206" s="6">
        <v>11205114</v>
      </c>
    </row>
    <row r="3207" spans="2:3" x14ac:dyDescent="0.25">
      <c r="B3207" s="21">
        <v>43383</v>
      </c>
      <c r="C3207" s="6">
        <v>12173273</v>
      </c>
    </row>
    <row r="3208" spans="2:3" x14ac:dyDescent="0.25">
      <c r="B3208" s="21">
        <v>43384</v>
      </c>
      <c r="C3208" s="6">
        <v>12072585</v>
      </c>
    </row>
    <row r="3209" spans="2:3" x14ac:dyDescent="0.25">
      <c r="B3209" s="21">
        <v>43385</v>
      </c>
      <c r="C3209" s="6">
        <v>11987201</v>
      </c>
    </row>
    <row r="3210" spans="2:3" x14ac:dyDescent="0.25">
      <c r="B3210" s="21">
        <v>43386</v>
      </c>
      <c r="C3210" s="6">
        <v>10362712</v>
      </c>
    </row>
    <row r="3211" spans="2:3" x14ac:dyDescent="0.25">
      <c r="B3211" s="21">
        <v>43387</v>
      </c>
      <c r="C3211" s="6">
        <v>10004269</v>
      </c>
    </row>
    <row r="3212" spans="2:3" x14ac:dyDescent="0.25">
      <c r="B3212" s="21">
        <v>43388</v>
      </c>
      <c r="C3212" s="6">
        <v>11994047</v>
      </c>
    </row>
    <row r="3213" spans="2:3" x14ac:dyDescent="0.25">
      <c r="B3213" s="21">
        <v>43389</v>
      </c>
      <c r="C3213" s="6">
        <v>12175640</v>
      </c>
    </row>
    <row r="3214" spans="2:3" x14ac:dyDescent="0.25">
      <c r="B3214" s="21">
        <v>43390</v>
      </c>
      <c r="C3214" s="6">
        <v>12305311</v>
      </c>
    </row>
    <row r="3215" spans="2:3" x14ac:dyDescent="0.25">
      <c r="B3215" s="21">
        <v>43391</v>
      </c>
      <c r="C3215" s="6">
        <v>12324404</v>
      </c>
    </row>
    <row r="3216" spans="2:3" x14ac:dyDescent="0.25">
      <c r="B3216" s="21">
        <v>43392</v>
      </c>
      <c r="C3216" s="6">
        <v>12173283</v>
      </c>
    </row>
    <row r="3217" spans="2:3" x14ac:dyDescent="0.25">
      <c r="B3217" s="21">
        <v>43393</v>
      </c>
      <c r="C3217" s="6">
        <v>10748016</v>
      </c>
    </row>
    <row r="3218" spans="2:3" x14ac:dyDescent="0.25">
      <c r="B3218" s="21">
        <v>43394</v>
      </c>
      <c r="C3218" s="6">
        <v>10584708</v>
      </c>
    </row>
    <row r="3219" spans="2:3" x14ac:dyDescent="0.25">
      <c r="B3219" s="21">
        <v>43395</v>
      </c>
      <c r="C3219" s="6">
        <v>12674230</v>
      </c>
    </row>
    <row r="3220" spans="2:3" x14ac:dyDescent="0.25">
      <c r="B3220" s="21">
        <v>43396</v>
      </c>
      <c r="C3220" s="6">
        <v>12969811</v>
      </c>
    </row>
    <row r="3221" spans="2:3" x14ac:dyDescent="0.25">
      <c r="B3221" s="21">
        <v>43397</v>
      </c>
      <c r="C3221" s="6">
        <v>12953168</v>
      </c>
    </row>
    <row r="3222" spans="2:3" x14ac:dyDescent="0.25">
      <c r="B3222" s="21">
        <v>43398</v>
      </c>
      <c r="C3222" s="6">
        <v>12941276</v>
      </c>
    </row>
    <row r="3223" spans="2:3" x14ac:dyDescent="0.25">
      <c r="B3223" s="21">
        <v>43399</v>
      </c>
      <c r="C3223" s="6">
        <v>12614412</v>
      </c>
    </row>
    <row r="3224" spans="2:3" x14ac:dyDescent="0.25">
      <c r="B3224" s="21">
        <v>43400</v>
      </c>
      <c r="C3224" s="6">
        <v>11059276</v>
      </c>
    </row>
    <row r="3225" spans="2:3" x14ac:dyDescent="0.25">
      <c r="B3225" s="21">
        <v>43401</v>
      </c>
      <c r="C3225" s="6">
        <v>11320951</v>
      </c>
    </row>
    <row r="3226" spans="2:3" x14ac:dyDescent="0.25">
      <c r="B3226" s="21">
        <v>43402</v>
      </c>
      <c r="C3226" s="6">
        <v>12671226</v>
      </c>
    </row>
    <row r="3227" spans="2:3" x14ac:dyDescent="0.25">
      <c r="B3227" s="21">
        <v>43403</v>
      </c>
      <c r="C3227" s="6">
        <v>12355154</v>
      </c>
    </row>
    <row r="3228" spans="2:3" x14ac:dyDescent="0.25">
      <c r="B3228" s="21">
        <v>43404</v>
      </c>
      <c r="C3228" s="6">
        <v>12536047</v>
      </c>
    </row>
    <row r="3229" spans="2:3" x14ac:dyDescent="0.25">
      <c r="B3229" s="21">
        <v>43405</v>
      </c>
      <c r="C3229" s="6">
        <v>12480670</v>
      </c>
    </row>
    <row r="3230" spans="2:3" x14ac:dyDescent="0.25">
      <c r="B3230" s="21">
        <v>43406</v>
      </c>
      <c r="C3230" s="6">
        <v>12510656</v>
      </c>
    </row>
    <row r="3231" spans="2:3" x14ac:dyDescent="0.25">
      <c r="B3231" s="21">
        <v>43407</v>
      </c>
      <c r="C3231" s="6">
        <v>11151230</v>
      </c>
    </row>
    <row r="3232" spans="2:3" x14ac:dyDescent="0.25">
      <c r="B3232" s="21">
        <v>43408</v>
      </c>
      <c r="C3232" s="6">
        <v>10726803</v>
      </c>
    </row>
    <row r="3233" spans="2:3" x14ac:dyDescent="0.25">
      <c r="B3233" s="21">
        <v>43409</v>
      </c>
      <c r="C3233" s="6">
        <v>12564784</v>
      </c>
    </row>
    <row r="3234" spans="2:3" x14ac:dyDescent="0.25">
      <c r="B3234" s="21">
        <v>43410</v>
      </c>
      <c r="C3234" s="6">
        <v>12513353</v>
      </c>
    </row>
    <row r="3235" spans="2:3" x14ac:dyDescent="0.25">
      <c r="B3235" s="21">
        <v>43411</v>
      </c>
      <c r="C3235" s="6">
        <v>12734606</v>
      </c>
    </row>
    <row r="3236" spans="2:3" x14ac:dyDescent="0.25">
      <c r="B3236" s="21">
        <v>43412</v>
      </c>
      <c r="C3236" s="6">
        <v>11877633</v>
      </c>
    </row>
    <row r="3237" spans="2:3" x14ac:dyDescent="0.25">
      <c r="B3237" s="21">
        <v>43413</v>
      </c>
      <c r="C3237" s="6">
        <v>12755592</v>
      </c>
    </row>
    <row r="3238" spans="2:3" x14ac:dyDescent="0.25">
      <c r="B3238" s="21">
        <v>43414</v>
      </c>
      <c r="C3238" s="6">
        <v>11097091</v>
      </c>
    </row>
    <row r="3239" spans="2:3" x14ac:dyDescent="0.25">
      <c r="B3239" s="21">
        <v>43415</v>
      </c>
      <c r="C3239" s="6">
        <v>10817944</v>
      </c>
    </row>
    <row r="3240" spans="2:3" x14ac:dyDescent="0.25">
      <c r="B3240" s="21">
        <v>43416</v>
      </c>
      <c r="C3240" s="6">
        <v>12877031</v>
      </c>
    </row>
    <row r="3241" spans="2:3" x14ac:dyDescent="0.25">
      <c r="B3241" s="21">
        <v>43417</v>
      </c>
      <c r="C3241" s="6">
        <v>12955912</v>
      </c>
    </row>
    <row r="3242" spans="2:3" x14ac:dyDescent="0.25">
      <c r="B3242" s="21">
        <v>43418</v>
      </c>
      <c r="C3242" s="6">
        <v>13080355</v>
      </c>
    </row>
    <row r="3243" spans="2:3" x14ac:dyDescent="0.25">
      <c r="B3243" s="21">
        <v>43419</v>
      </c>
      <c r="C3243" s="6">
        <v>13365245</v>
      </c>
    </row>
    <row r="3244" spans="2:3" x14ac:dyDescent="0.25">
      <c r="B3244" s="21">
        <v>43420</v>
      </c>
      <c r="C3244" s="6">
        <v>13485930</v>
      </c>
    </row>
    <row r="3245" spans="2:3" x14ac:dyDescent="0.25">
      <c r="B3245" s="21">
        <v>43421</v>
      </c>
      <c r="C3245" s="6">
        <v>11864507</v>
      </c>
    </row>
    <row r="3246" spans="2:3" x14ac:dyDescent="0.25">
      <c r="B3246" s="21">
        <v>43422</v>
      </c>
      <c r="C3246" s="6">
        <v>11773307</v>
      </c>
    </row>
    <row r="3247" spans="2:3" x14ac:dyDescent="0.25">
      <c r="B3247" s="21">
        <v>43423</v>
      </c>
      <c r="C3247" s="6">
        <v>14084443</v>
      </c>
    </row>
    <row r="3248" spans="2:3" x14ac:dyDescent="0.25">
      <c r="B3248" s="21">
        <v>43424</v>
      </c>
      <c r="C3248" s="6">
        <v>13974663</v>
      </c>
    </row>
    <row r="3249" spans="2:3" x14ac:dyDescent="0.25">
      <c r="B3249" s="21">
        <v>43425</v>
      </c>
      <c r="C3249" s="6">
        <v>13342865</v>
      </c>
    </row>
    <row r="3250" spans="2:3" x14ac:dyDescent="0.25">
      <c r="B3250" s="21">
        <v>43426</v>
      </c>
      <c r="C3250" s="6">
        <v>13207249</v>
      </c>
    </row>
    <row r="3251" spans="2:3" x14ac:dyDescent="0.25">
      <c r="B3251" s="21">
        <v>43427</v>
      </c>
      <c r="C3251" s="6">
        <v>13340477</v>
      </c>
    </row>
    <row r="3252" spans="2:3" x14ac:dyDescent="0.25">
      <c r="B3252" s="21">
        <v>43428</v>
      </c>
      <c r="C3252" s="6">
        <v>11276480</v>
      </c>
    </row>
    <row r="3253" spans="2:3" x14ac:dyDescent="0.25">
      <c r="B3253" s="21">
        <v>43429</v>
      </c>
      <c r="C3253" s="6">
        <v>11217874</v>
      </c>
    </row>
    <row r="3254" spans="2:3" x14ac:dyDescent="0.25">
      <c r="B3254" s="21">
        <v>43430</v>
      </c>
      <c r="C3254" s="6">
        <v>12943631</v>
      </c>
    </row>
    <row r="3255" spans="2:3" x14ac:dyDescent="0.25">
      <c r="B3255" s="21">
        <v>43431</v>
      </c>
      <c r="C3255" s="6">
        <v>13572601</v>
      </c>
    </row>
    <row r="3256" spans="2:3" x14ac:dyDescent="0.25">
      <c r="B3256" s="21">
        <v>43432</v>
      </c>
      <c r="C3256" s="6">
        <v>13972778</v>
      </c>
    </row>
    <row r="3257" spans="2:3" x14ac:dyDescent="0.25">
      <c r="B3257" s="21">
        <v>43433</v>
      </c>
      <c r="C3257" s="6">
        <v>14665521</v>
      </c>
    </row>
    <row r="3258" spans="2:3" x14ac:dyDescent="0.25">
      <c r="B3258" s="21">
        <v>43434</v>
      </c>
      <c r="C3258" s="6">
        <v>14150514</v>
      </c>
    </row>
    <row r="3259" spans="2:3" x14ac:dyDescent="0.25">
      <c r="B3259" s="21">
        <v>43435</v>
      </c>
      <c r="C3259" s="6">
        <v>12629183</v>
      </c>
    </row>
    <row r="3260" spans="2:3" x14ac:dyDescent="0.25">
      <c r="B3260" s="21">
        <v>43436</v>
      </c>
      <c r="C3260" s="6">
        <v>12110876</v>
      </c>
    </row>
    <row r="3261" spans="2:3" x14ac:dyDescent="0.25">
      <c r="B3261" s="21">
        <v>43437</v>
      </c>
      <c r="C3261" s="6">
        <v>13564915</v>
      </c>
    </row>
    <row r="3262" spans="2:3" x14ac:dyDescent="0.25">
      <c r="B3262" s="21">
        <v>43438</v>
      </c>
      <c r="C3262" s="6">
        <v>13475298</v>
      </c>
    </row>
    <row r="3263" spans="2:3" x14ac:dyDescent="0.25">
      <c r="B3263" s="21">
        <v>43439</v>
      </c>
      <c r="C3263" s="6">
        <v>13487860</v>
      </c>
    </row>
    <row r="3264" spans="2:3" x14ac:dyDescent="0.25">
      <c r="B3264" s="21">
        <v>43440</v>
      </c>
      <c r="C3264" s="6">
        <v>13808090</v>
      </c>
    </row>
    <row r="3265" spans="2:3" x14ac:dyDescent="0.25">
      <c r="B3265" s="21">
        <v>43441</v>
      </c>
      <c r="C3265" s="6">
        <v>13671045</v>
      </c>
    </row>
    <row r="3266" spans="2:3" x14ac:dyDescent="0.25">
      <c r="B3266" s="21">
        <v>43442</v>
      </c>
      <c r="C3266" s="6">
        <v>12148373</v>
      </c>
    </row>
    <row r="3267" spans="2:3" x14ac:dyDescent="0.25">
      <c r="B3267" s="21">
        <v>43443</v>
      </c>
      <c r="C3267" s="6">
        <v>11785347</v>
      </c>
    </row>
    <row r="3268" spans="2:3" x14ac:dyDescent="0.25">
      <c r="B3268" s="21">
        <v>43444</v>
      </c>
      <c r="C3268" s="6">
        <v>14017262</v>
      </c>
    </row>
    <row r="3269" spans="2:3" x14ac:dyDescent="0.25">
      <c r="B3269" s="21">
        <v>43445</v>
      </c>
      <c r="C3269" s="6">
        <v>12485963</v>
      </c>
    </row>
    <row r="3270" spans="2:3" x14ac:dyDescent="0.25">
      <c r="B3270" s="21">
        <v>43446</v>
      </c>
      <c r="C3270" s="6">
        <v>12395451</v>
      </c>
    </row>
    <row r="3271" spans="2:3" x14ac:dyDescent="0.25">
      <c r="B3271" s="21">
        <v>43447</v>
      </c>
      <c r="C3271" s="6">
        <v>12786440</v>
      </c>
    </row>
    <row r="3272" spans="2:3" x14ac:dyDescent="0.25">
      <c r="B3272" s="21">
        <v>43448</v>
      </c>
      <c r="C3272" s="6">
        <v>12231318</v>
      </c>
    </row>
    <row r="3273" spans="2:3" x14ac:dyDescent="0.25">
      <c r="B3273" s="21">
        <v>43449</v>
      </c>
      <c r="C3273" s="6">
        <v>11027098</v>
      </c>
    </row>
    <row r="3274" spans="2:3" x14ac:dyDescent="0.25">
      <c r="B3274" s="21">
        <v>43450</v>
      </c>
      <c r="C3274" s="6">
        <v>10911595</v>
      </c>
    </row>
    <row r="3275" spans="2:3" x14ac:dyDescent="0.25">
      <c r="B3275" s="21">
        <v>43451</v>
      </c>
      <c r="C3275" s="6">
        <v>12853002</v>
      </c>
    </row>
    <row r="3276" spans="2:3" x14ac:dyDescent="0.25">
      <c r="B3276" s="21">
        <v>43452</v>
      </c>
      <c r="C3276" s="6">
        <v>13007687</v>
      </c>
    </row>
    <row r="3277" spans="2:3" x14ac:dyDescent="0.25">
      <c r="B3277" s="21">
        <v>43453</v>
      </c>
      <c r="C3277" s="6">
        <v>12896674</v>
      </c>
    </row>
    <row r="3278" spans="2:3" x14ac:dyDescent="0.25">
      <c r="B3278" s="21">
        <v>43454</v>
      </c>
      <c r="C3278" s="6">
        <v>12453443</v>
      </c>
    </row>
    <row r="3279" spans="2:3" x14ac:dyDescent="0.25">
      <c r="B3279" s="21">
        <v>43455</v>
      </c>
      <c r="C3279" s="6">
        <v>11730353</v>
      </c>
    </row>
    <row r="3280" spans="2:3" x14ac:dyDescent="0.25">
      <c r="B3280" s="21">
        <v>43456</v>
      </c>
      <c r="C3280" s="6">
        <v>10170283</v>
      </c>
    </row>
    <row r="3281" spans="2:3" x14ac:dyDescent="0.25">
      <c r="B3281" s="21">
        <v>43457</v>
      </c>
      <c r="C3281" s="6">
        <v>9617908</v>
      </c>
    </row>
    <row r="3282" spans="2:3" x14ac:dyDescent="0.25">
      <c r="B3282" s="21">
        <v>43458</v>
      </c>
      <c r="C3282" s="6">
        <v>9103973</v>
      </c>
    </row>
    <row r="3283" spans="2:3" x14ac:dyDescent="0.25">
      <c r="B3283" s="21">
        <v>43459</v>
      </c>
      <c r="C3283" s="6">
        <v>9132010</v>
      </c>
    </row>
    <row r="3284" spans="2:3" x14ac:dyDescent="0.25">
      <c r="B3284" s="21">
        <v>43460</v>
      </c>
      <c r="C3284" s="6">
        <v>9303835</v>
      </c>
    </row>
    <row r="3285" spans="2:3" x14ac:dyDescent="0.25">
      <c r="B3285" s="21">
        <v>43461</v>
      </c>
      <c r="C3285" s="6">
        <v>9866661</v>
      </c>
    </row>
    <row r="3286" spans="2:3" x14ac:dyDescent="0.25">
      <c r="B3286" s="21">
        <v>43462</v>
      </c>
      <c r="C3286" s="6">
        <v>9643130</v>
      </c>
    </row>
    <row r="3287" spans="2:3" x14ac:dyDescent="0.25">
      <c r="B3287" s="21">
        <v>43463</v>
      </c>
      <c r="C3287" s="6">
        <v>9351503</v>
      </c>
    </row>
    <row r="3288" spans="2:3" x14ac:dyDescent="0.25">
      <c r="B3288" s="21">
        <v>43464</v>
      </c>
      <c r="C3288" s="6">
        <v>9751682</v>
      </c>
    </row>
    <row r="3289" spans="2:3" x14ac:dyDescent="0.25">
      <c r="B3289" s="21">
        <v>43465</v>
      </c>
      <c r="C3289" s="6">
        <v>9538742</v>
      </c>
    </row>
    <row r="3290" spans="2:3" x14ac:dyDescent="0.25">
      <c r="B3290" s="21">
        <v>43466</v>
      </c>
      <c r="C3290" s="6">
        <v>9088741</v>
      </c>
    </row>
    <row r="3291" spans="2:3" x14ac:dyDescent="0.25">
      <c r="B3291" s="21">
        <v>43467</v>
      </c>
      <c r="C3291" s="6">
        <v>11864890</v>
      </c>
    </row>
    <row r="3292" spans="2:3" x14ac:dyDescent="0.25">
      <c r="B3292" s="21">
        <v>43468</v>
      </c>
      <c r="C3292" s="6">
        <v>13162957</v>
      </c>
    </row>
    <row r="3293" spans="2:3" x14ac:dyDescent="0.25">
      <c r="B3293" s="21">
        <v>43469</v>
      </c>
      <c r="C3293" s="6">
        <v>13155350</v>
      </c>
    </row>
    <row r="3294" spans="2:3" x14ac:dyDescent="0.25">
      <c r="B3294" s="21">
        <v>43470</v>
      </c>
      <c r="C3294" s="6">
        <v>11800836</v>
      </c>
    </row>
    <row r="3295" spans="2:3" x14ac:dyDescent="0.25">
      <c r="B3295" s="21">
        <v>43471</v>
      </c>
      <c r="C3295" s="6">
        <v>11835322</v>
      </c>
    </row>
    <row r="3296" spans="2:3" x14ac:dyDescent="0.25">
      <c r="B3296" s="21">
        <v>43472</v>
      </c>
      <c r="C3296" s="6">
        <v>13308184</v>
      </c>
    </row>
    <row r="3297" spans="2:3" x14ac:dyDescent="0.25">
      <c r="B3297" s="21">
        <v>43473</v>
      </c>
      <c r="C3297" s="6">
        <v>13244578</v>
      </c>
    </row>
    <row r="3298" spans="2:3" x14ac:dyDescent="0.25">
      <c r="B3298" s="21">
        <v>43474</v>
      </c>
      <c r="C3298" s="6">
        <v>14371842</v>
      </c>
    </row>
    <row r="3299" spans="2:3" x14ac:dyDescent="0.25">
      <c r="B3299" s="21">
        <v>43475</v>
      </c>
      <c r="C3299" s="6">
        <v>14076429</v>
      </c>
    </row>
    <row r="3300" spans="2:3" x14ac:dyDescent="0.25">
      <c r="B3300" s="21">
        <v>43476</v>
      </c>
      <c r="C3300" s="6">
        <v>14034665</v>
      </c>
    </row>
    <row r="3301" spans="2:3" x14ac:dyDescent="0.25">
      <c r="B3301" s="21">
        <v>43477</v>
      </c>
      <c r="C3301" s="6">
        <v>12575559</v>
      </c>
    </row>
    <row r="3302" spans="2:3" x14ac:dyDescent="0.25">
      <c r="B3302" s="21">
        <v>43478</v>
      </c>
      <c r="C3302" s="6">
        <v>12054393</v>
      </c>
    </row>
    <row r="3303" spans="2:3" x14ac:dyDescent="0.25">
      <c r="B3303" s="21">
        <v>43479</v>
      </c>
      <c r="C3303" s="6">
        <v>13272829</v>
      </c>
    </row>
    <row r="3304" spans="2:3" x14ac:dyDescent="0.25">
      <c r="B3304" s="21">
        <v>43480</v>
      </c>
      <c r="C3304" s="6">
        <v>13693857</v>
      </c>
    </row>
    <row r="3305" spans="2:3" x14ac:dyDescent="0.25">
      <c r="B3305" s="21">
        <v>43481</v>
      </c>
      <c r="C3305" s="6">
        <v>13253809</v>
      </c>
    </row>
    <row r="3306" spans="2:3" x14ac:dyDescent="0.25">
      <c r="B3306" s="21">
        <v>43482</v>
      </c>
      <c r="C3306" s="6">
        <v>13551648</v>
      </c>
    </row>
    <row r="3307" spans="2:3" x14ac:dyDescent="0.25">
      <c r="B3307" s="21">
        <v>43483</v>
      </c>
      <c r="C3307" s="6">
        <v>13943588</v>
      </c>
    </row>
    <row r="3308" spans="2:3" x14ac:dyDescent="0.25">
      <c r="B3308" s="21">
        <v>43484</v>
      </c>
      <c r="C3308" s="6">
        <v>12714162</v>
      </c>
    </row>
    <row r="3309" spans="2:3" x14ac:dyDescent="0.25">
      <c r="B3309" s="21">
        <v>43485</v>
      </c>
      <c r="C3309" s="6">
        <v>12554041</v>
      </c>
    </row>
    <row r="3310" spans="2:3" x14ac:dyDescent="0.25">
      <c r="B3310" s="21">
        <v>43486</v>
      </c>
      <c r="C3310" s="6">
        <v>14237438</v>
      </c>
    </row>
    <row r="3311" spans="2:3" x14ac:dyDescent="0.25">
      <c r="B3311" s="21">
        <v>43487</v>
      </c>
      <c r="C3311" s="6">
        <v>14902003</v>
      </c>
    </row>
    <row r="3312" spans="2:3" x14ac:dyDescent="0.25">
      <c r="B3312" s="21">
        <v>43488</v>
      </c>
      <c r="C3312" s="6">
        <v>15204489</v>
      </c>
    </row>
    <row r="3313" spans="2:3" x14ac:dyDescent="0.25">
      <c r="B3313" s="21">
        <v>43489</v>
      </c>
      <c r="C3313" s="6">
        <v>15108045</v>
      </c>
    </row>
    <row r="3314" spans="2:3" x14ac:dyDescent="0.25">
      <c r="B3314" s="21">
        <v>43490</v>
      </c>
      <c r="C3314" s="6">
        <v>14908656</v>
      </c>
    </row>
    <row r="3315" spans="2:3" x14ac:dyDescent="0.25">
      <c r="B3315" s="21">
        <v>43491</v>
      </c>
      <c r="C3315" s="6">
        <v>13180723</v>
      </c>
    </row>
    <row r="3316" spans="2:3" x14ac:dyDescent="0.25">
      <c r="B3316" s="21">
        <v>43492</v>
      </c>
      <c r="C3316" s="6">
        <v>12468770</v>
      </c>
    </row>
    <row r="3317" spans="2:3" x14ac:dyDescent="0.25">
      <c r="B3317" s="21">
        <v>43493</v>
      </c>
      <c r="C3317" s="6">
        <v>13959263</v>
      </c>
    </row>
    <row r="3318" spans="2:3" x14ac:dyDescent="0.25">
      <c r="B3318" s="21">
        <v>43494</v>
      </c>
      <c r="C3318" s="6">
        <v>14153779</v>
      </c>
    </row>
    <row r="3319" spans="2:3" x14ac:dyDescent="0.25">
      <c r="B3319" s="21">
        <v>43495</v>
      </c>
      <c r="C3319" s="6">
        <v>13951111</v>
      </c>
    </row>
    <row r="3320" spans="2:3" x14ac:dyDescent="0.25">
      <c r="B3320" s="21">
        <v>43496</v>
      </c>
      <c r="C3320" s="6">
        <v>13417375</v>
      </c>
    </row>
    <row r="3321" spans="2:3" x14ac:dyDescent="0.25">
      <c r="B3321" s="21">
        <v>43497</v>
      </c>
      <c r="C3321" s="6">
        <v>13064351</v>
      </c>
    </row>
    <row r="3322" spans="2:3" x14ac:dyDescent="0.25">
      <c r="B3322" s="21">
        <v>43498</v>
      </c>
      <c r="C3322" s="6">
        <v>11214799</v>
      </c>
    </row>
    <row r="3323" spans="2:3" x14ac:dyDescent="0.25">
      <c r="B3323" s="21">
        <v>43499</v>
      </c>
      <c r="C3323" s="6">
        <v>11147317</v>
      </c>
    </row>
    <row r="3324" spans="2:3" x14ac:dyDescent="0.25">
      <c r="B3324" s="21">
        <v>43500</v>
      </c>
      <c r="C3324" s="6">
        <v>11683802</v>
      </c>
    </row>
    <row r="3325" spans="2:3" x14ac:dyDescent="0.25">
      <c r="B3325" s="21">
        <v>43501</v>
      </c>
      <c r="C3325" s="6">
        <v>12692142</v>
      </c>
    </row>
    <row r="3326" spans="2:3" x14ac:dyDescent="0.25">
      <c r="B3326" s="21">
        <v>43502</v>
      </c>
      <c r="C3326" s="6">
        <v>12994422</v>
      </c>
    </row>
    <row r="3327" spans="2:3" x14ac:dyDescent="0.25">
      <c r="B3327" s="21">
        <v>43503</v>
      </c>
      <c r="C3327" s="6">
        <v>13554778</v>
      </c>
    </row>
    <row r="3328" spans="2:3" x14ac:dyDescent="0.25">
      <c r="B3328" s="21">
        <v>43504</v>
      </c>
      <c r="C3328" s="6">
        <v>13657218</v>
      </c>
    </row>
    <row r="3329" spans="2:3" x14ac:dyDescent="0.25">
      <c r="B3329" s="21">
        <v>43505</v>
      </c>
      <c r="C3329" s="6">
        <v>12281728</v>
      </c>
    </row>
    <row r="3330" spans="2:3" x14ac:dyDescent="0.25">
      <c r="B3330" s="21">
        <v>43506</v>
      </c>
      <c r="C3330" s="6">
        <v>11490496</v>
      </c>
    </row>
    <row r="3331" spans="2:3" x14ac:dyDescent="0.25">
      <c r="B3331" s="21">
        <v>43507</v>
      </c>
      <c r="C3331" s="6">
        <v>13628759</v>
      </c>
    </row>
    <row r="3332" spans="2:3" x14ac:dyDescent="0.25">
      <c r="B3332" s="21">
        <v>43508</v>
      </c>
      <c r="C3332" s="6">
        <v>13771529</v>
      </c>
    </row>
    <row r="3333" spans="2:3" x14ac:dyDescent="0.25">
      <c r="B3333" s="21">
        <v>43509</v>
      </c>
      <c r="C3333" s="6">
        <v>13054959</v>
      </c>
    </row>
    <row r="3334" spans="2:3" x14ac:dyDescent="0.25">
      <c r="B3334" s="21">
        <v>43510</v>
      </c>
      <c r="C3334" s="6">
        <v>13515684</v>
      </c>
    </row>
    <row r="3335" spans="2:3" x14ac:dyDescent="0.25">
      <c r="B3335" s="21">
        <v>43511</v>
      </c>
      <c r="C3335" s="6">
        <v>13014865</v>
      </c>
    </row>
    <row r="3336" spans="2:3" x14ac:dyDescent="0.25">
      <c r="B3336" s="21">
        <v>43512</v>
      </c>
      <c r="C3336" s="6">
        <v>11787533</v>
      </c>
    </row>
    <row r="3337" spans="2:3" x14ac:dyDescent="0.25">
      <c r="B3337" s="21">
        <v>43513</v>
      </c>
      <c r="C3337" s="6">
        <v>11381418</v>
      </c>
    </row>
    <row r="3338" spans="2:3" x14ac:dyDescent="0.25">
      <c r="B3338" s="21">
        <v>43514</v>
      </c>
      <c r="C3338" s="6">
        <v>12725797</v>
      </c>
    </row>
    <row r="3339" spans="2:3" x14ac:dyDescent="0.25">
      <c r="B3339" s="21">
        <v>43515</v>
      </c>
      <c r="C3339" s="6">
        <v>13115175</v>
      </c>
    </row>
    <row r="3340" spans="2:3" x14ac:dyDescent="0.25">
      <c r="B3340" s="21">
        <v>43516</v>
      </c>
      <c r="C3340" s="6">
        <v>13038190</v>
      </c>
    </row>
    <row r="3341" spans="2:3" x14ac:dyDescent="0.25">
      <c r="B3341" s="21">
        <v>43517</v>
      </c>
      <c r="C3341" s="6">
        <v>13036707</v>
      </c>
    </row>
    <row r="3342" spans="2:3" x14ac:dyDescent="0.25">
      <c r="B3342" s="21">
        <v>43518</v>
      </c>
      <c r="C3342" s="6">
        <v>13120982</v>
      </c>
    </row>
    <row r="3343" spans="2:3" x14ac:dyDescent="0.25">
      <c r="B3343" s="21">
        <v>43519</v>
      </c>
      <c r="C3343" s="6">
        <v>12173589</v>
      </c>
    </row>
    <row r="3344" spans="2:3" x14ac:dyDescent="0.25">
      <c r="B3344" s="21">
        <v>43520</v>
      </c>
      <c r="C3344" s="6">
        <v>11743303</v>
      </c>
    </row>
    <row r="3345" spans="2:3" x14ac:dyDescent="0.25">
      <c r="B3345" s="21">
        <v>43521</v>
      </c>
      <c r="C3345" s="6">
        <v>12890252</v>
      </c>
    </row>
    <row r="3346" spans="2:3" x14ac:dyDescent="0.25">
      <c r="B3346" s="21">
        <v>43522</v>
      </c>
      <c r="C3346" s="6">
        <v>12717082</v>
      </c>
    </row>
    <row r="3347" spans="2:3" x14ac:dyDescent="0.25">
      <c r="B3347" s="21">
        <v>43523</v>
      </c>
      <c r="C3347" s="6">
        <v>12251265</v>
      </c>
    </row>
    <row r="3348" spans="2:3" x14ac:dyDescent="0.25">
      <c r="B3348" s="21">
        <v>43524</v>
      </c>
      <c r="C3348" s="6">
        <v>12345427</v>
      </c>
    </row>
    <row r="3349" spans="2:3" x14ac:dyDescent="0.25">
      <c r="B3349" s="21">
        <v>43525</v>
      </c>
      <c r="C3349" s="6">
        <v>11782092</v>
      </c>
    </row>
    <row r="3350" spans="2:3" x14ac:dyDescent="0.25">
      <c r="B3350" s="21">
        <v>43526</v>
      </c>
      <c r="C3350" s="6">
        <v>11171671</v>
      </c>
    </row>
    <row r="3351" spans="2:3" x14ac:dyDescent="0.25">
      <c r="B3351" s="21">
        <v>43527</v>
      </c>
      <c r="C3351" s="6">
        <v>10566587</v>
      </c>
    </row>
    <row r="3352" spans="2:3" x14ac:dyDescent="0.25">
      <c r="B3352" s="21">
        <v>43528</v>
      </c>
      <c r="C3352" s="6">
        <v>11828282</v>
      </c>
    </row>
    <row r="3353" spans="2:3" x14ac:dyDescent="0.25">
      <c r="B3353" s="21">
        <v>43529</v>
      </c>
      <c r="C3353" s="6">
        <v>12129991</v>
      </c>
    </row>
    <row r="3354" spans="2:3" x14ac:dyDescent="0.25">
      <c r="B3354" s="21">
        <v>43530</v>
      </c>
      <c r="C3354" s="6">
        <v>12065249</v>
      </c>
    </row>
    <row r="3355" spans="2:3" x14ac:dyDescent="0.25">
      <c r="B3355" s="21">
        <v>43531</v>
      </c>
      <c r="C3355" s="6">
        <v>11724611</v>
      </c>
    </row>
    <row r="3356" spans="2:3" x14ac:dyDescent="0.25">
      <c r="B3356" s="21">
        <v>43532</v>
      </c>
      <c r="C3356" s="6">
        <v>11721610</v>
      </c>
    </row>
    <row r="3357" spans="2:3" x14ac:dyDescent="0.25">
      <c r="B3357" s="21">
        <v>43533</v>
      </c>
      <c r="C3357" s="6">
        <v>10576558</v>
      </c>
    </row>
    <row r="3358" spans="2:3" x14ac:dyDescent="0.25">
      <c r="B3358" s="21">
        <v>43534</v>
      </c>
      <c r="C3358" s="6">
        <v>10312637</v>
      </c>
    </row>
    <row r="3359" spans="2:3" x14ac:dyDescent="0.25">
      <c r="B3359" s="21">
        <v>43535</v>
      </c>
      <c r="C3359" s="6">
        <v>12268892</v>
      </c>
    </row>
    <row r="3360" spans="2:3" x14ac:dyDescent="0.25">
      <c r="B3360" s="21">
        <v>43536</v>
      </c>
      <c r="C3360" s="6">
        <v>12120688</v>
      </c>
    </row>
    <row r="3361" spans="2:3" x14ac:dyDescent="0.25">
      <c r="B3361" s="21">
        <v>43537</v>
      </c>
      <c r="C3361" s="6">
        <v>12115287</v>
      </c>
    </row>
    <row r="3362" spans="2:3" x14ac:dyDescent="0.25">
      <c r="B3362" s="21">
        <v>43538</v>
      </c>
      <c r="C3362" s="6">
        <v>12561093</v>
      </c>
    </row>
    <row r="3363" spans="2:3" x14ac:dyDescent="0.25">
      <c r="B3363" s="21">
        <v>43539</v>
      </c>
      <c r="C3363" s="6">
        <v>11991657</v>
      </c>
    </row>
    <row r="3364" spans="2:3" x14ac:dyDescent="0.25">
      <c r="B3364" s="21">
        <v>43540</v>
      </c>
      <c r="C3364" s="6">
        <v>10895638</v>
      </c>
    </row>
    <row r="3365" spans="2:3" x14ac:dyDescent="0.25">
      <c r="B3365" s="21">
        <v>43541</v>
      </c>
      <c r="C3365" s="6">
        <v>10274987</v>
      </c>
    </row>
    <row r="3366" spans="2:3" x14ac:dyDescent="0.25">
      <c r="B3366" s="21">
        <v>43542</v>
      </c>
      <c r="C3366" s="6">
        <v>12215991</v>
      </c>
    </row>
    <row r="3367" spans="2:3" x14ac:dyDescent="0.25">
      <c r="B3367" s="21">
        <v>43543</v>
      </c>
      <c r="C3367" s="6">
        <v>12675515</v>
      </c>
    </row>
    <row r="3368" spans="2:3" x14ac:dyDescent="0.25">
      <c r="B3368" s="21">
        <v>43544</v>
      </c>
      <c r="C3368" s="6">
        <v>12649619</v>
      </c>
    </row>
    <row r="3369" spans="2:3" x14ac:dyDescent="0.25">
      <c r="B3369" s="21">
        <v>43545</v>
      </c>
      <c r="C3369" s="6">
        <v>12391419</v>
      </c>
    </row>
    <row r="3370" spans="2:3" x14ac:dyDescent="0.25">
      <c r="B3370" s="21">
        <v>43546</v>
      </c>
      <c r="C3370" s="6">
        <v>12003440</v>
      </c>
    </row>
    <row r="3371" spans="2:3" x14ac:dyDescent="0.25">
      <c r="B3371" s="21">
        <v>43547</v>
      </c>
      <c r="C3371" s="6">
        <v>10123783</v>
      </c>
    </row>
    <row r="3372" spans="2:3" x14ac:dyDescent="0.25">
      <c r="B3372" s="21">
        <v>43548</v>
      </c>
      <c r="C3372" s="6">
        <v>10108360</v>
      </c>
    </row>
    <row r="3373" spans="2:3" x14ac:dyDescent="0.25">
      <c r="B3373" s="21">
        <v>43549</v>
      </c>
      <c r="C3373" s="6">
        <v>12213755</v>
      </c>
    </row>
    <row r="3374" spans="2:3" x14ac:dyDescent="0.25">
      <c r="B3374" s="21">
        <v>43550</v>
      </c>
      <c r="C3374" s="6">
        <v>12546328</v>
      </c>
    </row>
    <row r="3375" spans="2:3" x14ac:dyDescent="0.25">
      <c r="B3375" s="21">
        <v>43551</v>
      </c>
      <c r="C3375" s="6">
        <v>12445259</v>
      </c>
    </row>
    <row r="3376" spans="2:3" x14ac:dyDescent="0.25">
      <c r="B3376" s="21">
        <v>43552</v>
      </c>
      <c r="C3376" s="6">
        <v>12874200</v>
      </c>
    </row>
    <row r="3377" spans="2:3" x14ac:dyDescent="0.25">
      <c r="B3377" s="21">
        <v>43553</v>
      </c>
      <c r="C3377" s="6">
        <v>12309584</v>
      </c>
    </row>
    <row r="3378" spans="2:3" x14ac:dyDescent="0.25">
      <c r="B3378" s="21">
        <v>43554</v>
      </c>
      <c r="C3378" s="6">
        <v>10510334</v>
      </c>
    </row>
    <row r="3379" spans="2:3" x14ac:dyDescent="0.25">
      <c r="B3379" s="21">
        <v>43555</v>
      </c>
      <c r="C3379" s="6">
        <v>9795002</v>
      </c>
    </row>
    <row r="3380" spans="2:3" x14ac:dyDescent="0.25">
      <c r="B3380" s="21">
        <v>43556</v>
      </c>
      <c r="C3380" s="6">
        <v>12005069</v>
      </c>
    </row>
    <row r="3381" spans="2:3" x14ac:dyDescent="0.25">
      <c r="B3381" s="21">
        <v>43557</v>
      </c>
      <c r="C3381" s="6">
        <v>12076597</v>
      </c>
    </row>
    <row r="3382" spans="2:3" x14ac:dyDescent="0.25">
      <c r="B3382" s="21">
        <v>43558</v>
      </c>
      <c r="C3382" s="6">
        <v>11878863</v>
      </c>
    </row>
    <row r="3383" spans="2:3" x14ac:dyDescent="0.25">
      <c r="B3383" s="21">
        <v>43559</v>
      </c>
      <c r="C3383" s="6">
        <v>12132199</v>
      </c>
    </row>
    <row r="3384" spans="2:3" x14ac:dyDescent="0.25">
      <c r="B3384" s="21">
        <v>43560</v>
      </c>
      <c r="C3384" s="6">
        <v>12018029</v>
      </c>
    </row>
    <row r="3385" spans="2:3" x14ac:dyDescent="0.25">
      <c r="B3385" s="21">
        <v>43561</v>
      </c>
      <c r="C3385" s="6">
        <v>10519169</v>
      </c>
    </row>
    <row r="3386" spans="2:3" x14ac:dyDescent="0.25">
      <c r="B3386" s="21">
        <v>43562</v>
      </c>
      <c r="C3386" s="6">
        <v>10004883</v>
      </c>
    </row>
    <row r="3387" spans="2:3" x14ac:dyDescent="0.25">
      <c r="B3387" s="21">
        <v>43563</v>
      </c>
      <c r="C3387" s="6">
        <v>12000016</v>
      </c>
    </row>
    <row r="3388" spans="2:3" x14ac:dyDescent="0.25">
      <c r="B3388" s="21">
        <v>43564</v>
      </c>
      <c r="C3388" s="6">
        <v>11992745</v>
      </c>
    </row>
    <row r="3389" spans="2:3" x14ac:dyDescent="0.25">
      <c r="B3389" s="21">
        <v>43565</v>
      </c>
      <c r="C3389" s="6">
        <v>12330547</v>
      </c>
    </row>
    <row r="3390" spans="2:3" x14ac:dyDescent="0.25">
      <c r="B3390" s="21">
        <v>43566</v>
      </c>
      <c r="C3390" s="6">
        <v>12539172</v>
      </c>
    </row>
    <row r="3391" spans="2:3" x14ac:dyDescent="0.25">
      <c r="B3391" s="21">
        <v>43567</v>
      </c>
      <c r="C3391" s="6">
        <v>12480815</v>
      </c>
    </row>
    <row r="3392" spans="2:3" x14ac:dyDescent="0.25">
      <c r="B3392" s="21">
        <v>43568</v>
      </c>
      <c r="C3392" s="6">
        <v>11136365</v>
      </c>
    </row>
    <row r="3393" spans="2:3" x14ac:dyDescent="0.25">
      <c r="B3393" s="21">
        <v>43569</v>
      </c>
      <c r="C3393" s="6">
        <v>10790218</v>
      </c>
    </row>
    <row r="3394" spans="2:3" x14ac:dyDescent="0.25">
      <c r="B3394" s="21">
        <v>43570</v>
      </c>
      <c r="C3394" s="6">
        <v>12319270</v>
      </c>
    </row>
    <row r="3395" spans="2:3" x14ac:dyDescent="0.25">
      <c r="B3395" s="21">
        <v>43571</v>
      </c>
      <c r="C3395" s="6">
        <v>12343887</v>
      </c>
    </row>
    <row r="3396" spans="2:3" x14ac:dyDescent="0.25">
      <c r="B3396" s="21">
        <v>43572</v>
      </c>
      <c r="C3396" s="6">
        <v>12339723</v>
      </c>
    </row>
    <row r="3397" spans="2:3" x14ac:dyDescent="0.25">
      <c r="B3397" s="21">
        <v>43573</v>
      </c>
      <c r="C3397" s="6">
        <v>11681725</v>
      </c>
    </row>
    <row r="3398" spans="2:3" x14ac:dyDescent="0.25">
      <c r="B3398" s="21">
        <v>43574</v>
      </c>
      <c r="C3398" s="6">
        <v>9958640</v>
      </c>
    </row>
    <row r="3399" spans="2:3" x14ac:dyDescent="0.25">
      <c r="B3399" s="21">
        <v>43575</v>
      </c>
      <c r="C3399" s="6">
        <v>9438848</v>
      </c>
    </row>
    <row r="3400" spans="2:3" x14ac:dyDescent="0.25">
      <c r="B3400" s="21">
        <v>43576</v>
      </c>
      <c r="C3400" s="6">
        <v>9087481</v>
      </c>
    </row>
    <row r="3401" spans="2:3" x14ac:dyDescent="0.25">
      <c r="B3401" s="21">
        <v>43577</v>
      </c>
      <c r="C3401" s="6">
        <v>8868030</v>
      </c>
    </row>
    <row r="3402" spans="2:3" x14ac:dyDescent="0.25">
      <c r="B3402" s="21">
        <v>43578</v>
      </c>
      <c r="C3402" s="6">
        <v>11330798</v>
      </c>
    </row>
    <row r="3403" spans="2:3" x14ac:dyDescent="0.25">
      <c r="B3403" s="21">
        <v>43579</v>
      </c>
      <c r="C3403" s="6">
        <v>11644122</v>
      </c>
    </row>
    <row r="3404" spans="2:3" x14ac:dyDescent="0.25">
      <c r="B3404" s="21">
        <v>43580</v>
      </c>
      <c r="C3404" s="6">
        <v>11505122</v>
      </c>
    </row>
    <row r="3405" spans="2:3" x14ac:dyDescent="0.25">
      <c r="B3405" s="21">
        <v>43581</v>
      </c>
      <c r="C3405" s="6">
        <v>11372486</v>
      </c>
    </row>
    <row r="3406" spans="2:3" x14ac:dyDescent="0.25">
      <c r="B3406" s="21">
        <v>43582</v>
      </c>
      <c r="C3406" s="6">
        <v>9986969</v>
      </c>
    </row>
    <row r="3407" spans="2:3" x14ac:dyDescent="0.25">
      <c r="B3407" s="21">
        <v>43583</v>
      </c>
      <c r="C3407" s="6">
        <v>9717216</v>
      </c>
    </row>
    <row r="3408" spans="2:3" x14ac:dyDescent="0.25">
      <c r="B3408" s="21">
        <v>43584</v>
      </c>
      <c r="C3408" s="6">
        <v>11700682</v>
      </c>
    </row>
    <row r="3409" spans="2:3" x14ac:dyDescent="0.25">
      <c r="B3409" s="21">
        <v>43585</v>
      </c>
      <c r="C3409" s="6">
        <v>11548693</v>
      </c>
    </row>
    <row r="3410" spans="2:3" x14ac:dyDescent="0.25">
      <c r="B3410" s="21">
        <v>43586</v>
      </c>
      <c r="C3410" s="6">
        <v>10102320</v>
      </c>
    </row>
    <row r="3411" spans="2:3" x14ac:dyDescent="0.25">
      <c r="B3411" s="21">
        <v>43587</v>
      </c>
      <c r="C3411" s="6">
        <v>11200644</v>
      </c>
    </row>
    <row r="3412" spans="2:3" x14ac:dyDescent="0.25">
      <c r="B3412" s="21">
        <v>43588</v>
      </c>
      <c r="C3412" s="6">
        <v>11124139</v>
      </c>
    </row>
    <row r="3413" spans="2:3" x14ac:dyDescent="0.25">
      <c r="B3413" s="21">
        <v>43589</v>
      </c>
      <c r="C3413" s="6">
        <v>9976929</v>
      </c>
    </row>
    <row r="3414" spans="2:3" x14ac:dyDescent="0.25">
      <c r="B3414" s="21">
        <v>43590</v>
      </c>
      <c r="C3414" s="6">
        <v>9956841</v>
      </c>
    </row>
    <row r="3415" spans="2:3" x14ac:dyDescent="0.25">
      <c r="B3415" s="21">
        <v>43591</v>
      </c>
      <c r="C3415" s="6">
        <v>11672185</v>
      </c>
    </row>
    <row r="3416" spans="2:3" x14ac:dyDescent="0.25">
      <c r="B3416" s="21">
        <v>43592</v>
      </c>
      <c r="C3416" s="6">
        <v>11753988</v>
      </c>
    </row>
    <row r="3417" spans="2:3" x14ac:dyDescent="0.25">
      <c r="B3417" s="21">
        <v>43593</v>
      </c>
      <c r="C3417" s="6">
        <v>10305687</v>
      </c>
    </row>
    <row r="3418" spans="2:3" x14ac:dyDescent="0.25">
      <c r="B3418" s="21">
        <v>43594</v>
      </c>
      <c r="C3418" s="6">
        <v>11608110</v>
      </c>
    </row>
    <row r="3419" spans="2:3" x14ac:dyDescent="0.25">
      <c r="B3419" s="21">
        <v>43595</v>
      </c>
      <c r="C3419" s="6">
        <v>11223201</v>
      </c>
    </row>
    <row r="3420" spans="2:3" x14ac:dyDescent="0.25">
      <c r="B3420" s="21">
        <v>43596</v>
      </c>
      <c r="C3420" s="6">
        <v>9910311</v>
      </c>
    </row>
    <row r="3421" spans="2:3" x14ac:dyDescent="0.25">
      <c r="B3421" s="21">
        <v>43597</v>
      </c>
      <c r="C3421" s="6">
        <v>9832166</v>
      </c>
    </row>
    <row r="3422" spans="2:3" x14ac:dyDescent="0.25">
      <c r="B3422" s="21">
        <v>43598</v>
      </c>
      <c r="C3422" s="6">
        <v>8845279</v>
      </c>
    </row>
    <row r="3423" spans="2:3" x14ac:dyDescent="0.25">
      <c r="B3423" s="21">
        <v>43599</v>
      </c>
      <c r="C3423" s="6">
        <v>6563712</v>
      </c>
    </row>
    <row r="3424" spans="2:3" x14ac:dyDescent="0.25">
      <c r="B3424" s="21">
        <v>43600</v>
      </c>
      <c r="C3424" s="6">
        <v>10234260</v>
      </c>
    </row>
    <row r="3425" spans="2:3" x14ac:dyDescent="0.25">
      <c r="B3425" s="21">
        <v>43601</v>
      </c>
      <c r="C3425" s="6">
        <v>12083291</v>
      </c>
    </row>
    <row r="3426" spans="2:3" x14ac:dyDescent="0.25">
      <c r="B3426" s="21">
        <v>43602</v>
      </c>
      <c r="C3426" s="6">
        <v>11678251</v>
      </c>
    </row>
    <row r="3427" spans="2:3" x14ac:dyDescent="0.25">
      <c r="B3427" s="21">
        <v>43603</v>
      </c>
      <c r="C3427" s="6">
        <v>9802363</v>
      </c>
    </row>
    <row r="3428" spans="2:3" x14ac:dyDescent="0.25">
      <c r="B3428" s="21">
        <v>43604</v>
      </c>
      <c r="C3428" s="6">
        <v>9536850</v>
      </c>
    </row>
    <row r="3429" spans="2:3" x14ac:dyDescent="0.25">
      <c r="B3429" s="21">
        <v>43605</v>
      </c>
      <c r="C3429" s="6">
        <v>11786594</v>
      </c>
    </row>
    <row r="3430" spans="2:3" x14ac:dyDescent="0.25">
      <c r="B3430" s="21">
        <v>43606</v>
      </c>
      <c r="C3430" s="6">
        <v>11219512</v>
      </c>
    </row>
    <row r="3431" spans="2:3" x14ac:dyDescent="0.25">
      <c r="B3431" s="21">
        <v>43607</v>
      </c>
      <c r="C3431" s="6">
        <v>11588642</v>
      </c>
    </row>
    <row r="3432" spans="2:3" x14ac:dyDescent="0.25">
      <c r="B3432" s="21">
        <v>43608</v>
      </c>
      <c r="C3432" s="6">
        <v>11481649</v>
      </c>
    </row>
    <row r="3433" spans="2:3" x14ac:dyDescent="0.25">
      <c r="B3433" s="21">
        <v>43609</v>
      </c>
      <c r="C3433" s="6">
        <v>10307076</v>
      </c>
    </row>
    <row r="3434" spans="2:3" x14ac:dyDescent="0.25">
      <c r="B3434" s="21">
        <v>43610</v>
      </c>
      <c r="C3434" s="6">
        <v>9298385</v>
      </c>
    </row>
    <row r="3435" spans="2:3" x14ac:dyDescent="0.25">
      <c r="B3435" s="21">
        <v>43611</v>
      </c>
      <c r="C3435" s="6">
        <v>9161988</v>
      </c>
    </row>
    <row r="3436" spans="2:3" x14ac:dyDescent="0.25">
      <c r="B3436" s="21">
        <v>43612</v>
      </c>
      <c r="C3436" s="6">
        <v>10369634</v>
      </c>
    </row>
    <row r="3437" spans="2:3" x14ac:dyDescent="0.25">
      <c r="B3437" s="21">
        <v>43613</v>
      </c>
      <c r="C3437" s="6">
        <v>10195686</v>
      </c>
    </row>
    <row r="3438" spans="2:3" x14ac:dyDescent="0.25">
      <c r="B3438" s="21">
        <v>43614</v>
      </c>
      <c r="C3438" s="6">
        <v>10489276</v>
      </c>
    </row>
    <row r="3439" spans="2:3" x14ac:dyDescent="0.25">
      <c r="B3439" s="21">
        <v>43615</v>
      </c>
      <c r="C3439" s="6">
        <v>10901464</v>
      </c>
    </row>
    <row r="3440" spans="2:3" x14ac:dyDescent="0.25">
      <c r="B3440" s="21">
        <v>43616</v>
      </c>
      <c r="C3440" s="6">
        <v>10975365</v>
      </c>
    </row>
    <row r="3441" spans="2:3" x14ac:dyDescent="0.25">
      <c r="B3441" s="21">
        <v>43617</v>
      </c>
      <c r="C3441" s="6">
        <v>9268983</v>
      </c>
    </row>
    <row r="3442" spans="2:3" x14ac:dyDescent="0.25">
      <c r="B3442" s="21">
        <v>43618</v>
      </c>
      <c r="C3442" s="6">
        <v>9207046</v>
      </c>
    </row>
    <row r="3443" spans="2:3" x14ac:dyDescent="0.25">
      <c r="B3443" s="21">
        <v>43619</v>
      </c>
      <c r="C3443" s="6">
        <v>11044641</v>
      </c>
    </row>
    <row r="3444" spans="2:3" x14ac:dyDescent="0.25">
      <c r="B3444" s="21">
        <v>43620</v>
      </c>
      <c r="C3444" s="6">
        <v>11250694</v>
      </c>
    </row>
    <row r="3445" spans="2:3" x14ac:dyDescent="0.25">
      <c r="B3445" s="21">
        <v>43621</v>
      </c>
      <c r="C3445" s="6">
        <v>11062507</v>
      </c>
    </row>
    <row r="3446" spans="2:3" x14ac:dyDescent="0.25">
      <c r="B3446" s="21">
        <v>43622</v>
      </c>
      <c r="C3446" s="6">
        <v>10997863</v>
      </c>
    </row>
    <row r="3447" spans="2:3" x14ac:dyDescent="0.25">
      <c r="B3447" s="21">
        <v>43623</v>
      </c>
      <c r="C3447" s="6">
        <v>10700404</v>
      </c>
    </row>
    <row r="3448" spans="2:3" x14ac:dyDescent="0.25">
      <c r="B3448" s="21">
        <v>43624</v>
      </c>
      <c r="C3448" s="6">
        <v>8988976</v>
      </c>
    </row>
    <row r="3449" spans="2:3" x14ac:dyDescent="0.25">
      <c r="B3449" s="21">
        <v>43625</v>
      </c>
      <c r="C3449" s="6">
        <v>8924706</v>
      </c>
    </row>
    <row r="3450" spans="2:3" x14ac:dyDescent="0.25">
      <c r="B3450" s="21">
        <v>43626</v>
      </c>
      <c r="C3450" s="6">
        <v>10441131</v>
      </c>
    </row>
    <row r="3451" spans="2:3" x14ac:dyDescent="0.25">
      <c r="B3451" s="21">
        <v>43627</v>
      </c>
      <c r="C3451" s="6">
        <v>11225315</v>
      </c>
    </row>
    <row r="3452" spans="2:3" x14ac:dyDescent="0.25">
      <c r="B3452" s="21">
        <v>43628</v>
      </c>
      <c r="C3452" s="6">
        <v>11266877</v>
      </c>
    </row>
    <row r="3453" spans="2:3" x14ac:dyDescent="0.25">
      <c r="B3453" s="21">
        <v>43629</v>
      </c>
      <c r="C3453" s="6">
        <v>11148897</v>
      </c>
    </row>
    <row r="3454" spans="2:3" x14ac:dyDescent="0.25">
      <c r="B3454" s="21">
        <v>43630</v>
      </c>
      <c r="C3454" s="6">
        <v>11118349</v>
      </c>
    </row>
    <row r="3455" spans="2:3" x14ac:dyDescent="0.25">
      <c r="B3455" s="21">
        <v>43631</v>
      </c>
      <c r="C3455" s="6">
        <v>9470318</v>
      </c>
    </row>
    <row r="3456" spans="2:3" x14ac:dyDescent="0.25">
      <c r="B3456" s="21">
        <v>43632</v>
      </c>
      <c r="C3456" s="6">
        <v>8977047</v>
      </c>
    </row>
    <row r="3457" spans="2:3" x14ac:dyDescent="0.25">
      <c r="B3457" s="21">
        <v>43633</v>
      </c>
      <c r="C3457" s="6">
        <v>10943356</v>
      </c>
    </row>
    <row r="3458" spans="2:3" x14ac:dyDescent="0.25">
      <c r="B3458" s="21">
        <v>43634</v>
      </c>
      <c r="C3458" s="6">
        <v>11071418</v>
      </c>
    </row>
    <row r="3459" spans="2:3" x14ac:dyDescent="0.25">
      <c r="B3459" s="21">
        <v>43635</v>
      </c>
      <c r="C3459" s="6">
        <v>11178863</v>
      </c>
    </row>
    <row r="3460" spans="2:3" x14ac:dyDescent="0.25">
      <c r="B3460" s="21">
        <v>43636</v>
      </c>
      <c r="C3460" s="6">
        <v>11272097</v>
      </c>
    </row>
    <row r="3461" spans="2:3" x14ac:dyDescent="0.25">
      <c r="B3461" s="21">
        <v>43637</v>
      </c>
      <c r="C3461" s="6">
        <v>11069485</v>
      </c>
    </row>
    <row r="3462" spans="2:3" x14ac:dyDescent="0.25">
      <c r="B3462" s="21">
        <v>43638</v>
      </c>
      <c r="C3462" s="6">
        <v>9307111</v>
      </c>
    </row>
    <row r="3463" spans="2:3" x14ac:dyDescent="0.25">
      <c r="B3463" s="21">
        <v>43639</v>
      </c>
      <c r="C3463" s="6">
        <v>9099623</v>
      </c>
    </row>
    <row r="3464" spans="2:3" x14ac:dyDescent="0.25">
      <c r="B3464" s="21">
        <v>43640</v>
      </c>
      <c r="C3464" s="6">
        <v>10927756</v>
      </c>
    </row>
    <row r="3465" spans="2:3" x14ac:dyDescent="0.25">
      <c r="B3465" s="21">
        <v>43641</v>
      </c>
      <c r="C3465" s="6">
        <v>11373786</v>
      </c>
    </row>
    <row r="3466" spans="2:3" x14ac:dyDescent="0.25">
      <c r="B3466" s="21">
        <v>43642</v>
      </c>
      <c r="C3466" s="6">
        <v>11476962</v>
      </c>
    </row>
    <row r="3467" spans="2:3" x14ac:dyDescent="0.25">
      <c r="B3467" s="21">
        <v>43643</v>
      </c>
      <c r="C3467" s="6">
        <v>11512626</v>
      </c>
    </row>
    <row r="3468" spans="2:3" x14ac:dyDescent="0.25">
      <c r="B3468" s="21">
        <v>43644</v>
      </c>
      <c r="C3468" s="6">
        <v>10804833</v>
      </c>
    </row>
    <row r="3469" spans="2:3" x14ac:dyDescent="0.25">
      <c r="B3469" s="21">
        <v>43645</v>
      </c>
      <c r="C3469" s="6">
        <v>9199347</v>
      </c>
    </row>
    <row r="3470" spans="2:3" x14ac:dyDescent="0.25">
      <c r="B3470" s="21">
        <v>43646</v>
      </c>
      <c r="C3470" s="6">
        <v>8987263</v>
      </c>
    </row>
    <row r="3471" spans="2:3" x14ac:dyDescent="0.25">
      <c r="B3471" s="21">
        <v>43647</v>
      </c>
      <c r="C3471" s="6">
        <v>11025674</v>
      </c>
    </row>
    <row r="3472" spans="2:3" x14ac:dyDescent="0.25">
      <c r="B3472" s="21">
        <v>43648</v>
      </c>
      <c r="C3472" s="6">
        <v>10799570</v>
      </c>
    </row>
    <row r="3473" spans="2:3" x14ac:dyDescent="0.25">
      <c r="B3473" s="21">
        <v>43649</v>
      </c>
      <c r="C3473" s="6">
        <v>10681333</v>
      </c>
    </row>
    <row r="3474" spans="2:3" x14ac:dyDescent="0.25">
      <c r="B3474" s="21">
        <v>43650</v>
      </c>
      <c r="C3474" s="6">
        <v>10448002</v>
      </c>
    </row>
    <row r="3475" spans="2:3" x14ac:dyDescent="0.25">
      <c r="B3475" s="21">
        <v>43651</v>
      </c>
      <c r="C3475" s="6">
        <v>9315502</v>
      </c>
    </row>
    <row r="3476" spans="2:3" x14ac:dyDescent="0.25">
      <c r="B3476" s="21">
        <v>43652</v>
      </c>
      <c r="C3476" s="6">
        <v>8976613</v>
      </c>
    </row>
    <row r="3477" spans="2:3" x14ac:dyDescent="0.25">
      <c r="B3477" s="21">
        <v>43653</v>
      </c>
      <c r="C3477" s="6">
        <v>8933079</v>
      </c>
    </row>
    <row r="3478" spans="2:3" x14ac:dyDescent="0.25">
      <c r="B3478" s="21">
        <v>43654</v>
      </c>
      <c r="C3478" s="6">
        <v>10114751</v>
      </c>
    </row>
    <row r="3479" spans="2:3" x14ac:dyDescent="0.25">
      <c r="B3479" s="21">
        <v>43655</v>
      </c>
      <c r="C3479" s="6">
        <v>10271038</v>
      </c>
    </row>
    <row r="3480" spans="2:3" x14ac:dyDescent="0.25">
      <c r="B3480" s="21">
        <v>43656</v>
      </c>
      <c r="C3480" s="6">
        <v>10380968</v>
      </c>
    </row>
    <row r="3481" spans="2:3" x14ac:dyDescent="0.25">
      <c r="B3481" s="21">
        <v>43657</v>
      </c>
      <c r="C3481" s="6">
        <v>10121702</v>
      </c>
    </row>
    <row r="3482" spans="2:3" x14ac:dyDescent="0.25">
      <c r="B3482" s="21">
        <v>43658</v>
      </c>
      <c r="C3482" s="6">
        <v>10342409</v>
      </c>
    </row>
    <row r="3483" spans="2:3" x14ac:dyDescent="0.25">
      <c r="B3483" s="21">
        <v>43659</v>
      </c>
      <c r="C3483" s="6">
        <v>8761910</v>
      </c>
    </row>
    <row r="3484" spans="2:3" x14ac:dyDescent="0.25">
      <c r="B3484" s="21">
        <v>43660</v>
      </c>
      <c r="C3484" s="6">
        <v>8901727</v>
      </c>
    </row>
    <row r="3485" spans="2:3" x14ac:dyDescent="0.25">
      <c r="B3485" s="21">
        <v>43661</v>
      </c>
      <c r="C3485" s="6">
        <v>10673674</v>
      </c>
    </row>
    <row r="3486" spans="2:3" x14ac:dyDescent="0.25">
      <c r="B3486" s="21">
        <v>43662</v>
      </c>
      <c r="C3486" s="6">
        <v>10865451</v>
      </c>
    </row>
    <row r="3487" spans="2:3" x14ac:dyDescent="0.25">
      <c r="B3487" s="21">
        <v>43663</v>
      </c>
      <c r="C3487" s="6">
        <v>10881313</v>
      </c>
    </row>
    <row r="3488" spans="2:3" x14ac:dyDescent="0.25">
      <c r="B3488" s="21">
        <v>43664</v>
      </c>
      <c r="C3488" s="6">
        <v>10953888</v>
      </c>
    </row>
    <row r="3489" spans="2:3" x14ac:dyDescent="0.25">
      <c r="B3489" s="21">
        <v>43665</v>
      </c>
      <c r="C3489" s="6">
        <v>10711263</v>
      </c>
    </row>
    <row r="3490" spans="2:3" x14ac:dyDescent="0.25">
      <c r="B3490" s="21">
        <v>43666</v>
      </c>
      <c r="C3490" s="6">
        <v>9355993</v>
      </c>
    </row>
    <row r="3491" spans="2:3" x14ac:dyDescent="0.25">
      <c r="B3491" s="21">
        <v>43667</v>
      </c>
      <c r="C3491" s="6">
        <v>9143543</v>
      </c>
    </row>
    <row r="3492" spans="2:3" x14ac:dyDescent="0.25">
      <c r="B3492" s="21">
        <v>43668</v>
      </c>
      <c r="C3492" s="6">
        <v>10715370</v>
      </c>
    </row>
    <row r="3493" spans="2:3" x14ac:dyDescent="0.25">
      <c r="B3493" s="21">
        <v>43669</v>
      </c>
      <c r="C3493" s="6">
        <v>10726466</v>
      </c>
    </row>
    <row r="3494" spans="2:3" x14ac:dyDescent="0.25">
      <c r="B3494" s="21">
        <v>43670</v>
      </c>
      <c r="C3494" s="6">
        <v>10932658</v>
      </c>
    </row>
    <row r="3495" spans="2:3" x14ac:dyDescent="0.25">
      <c r="B3495" s="21">
        <v>43671</v>
      </c>
      <c r="C3495" s="6">
        <v>11019230</v>
      </c>
    </row>
    <row r="3496" spans="2:3" x14ac:dyDescent="0.25">
      <c r="B3496" s="21">
        <v>43672</v>
      </c>
      <c r="C3496" s="6">
        <v>10700617</v>
      </c>
    </row>
    <row r="3497" spans="2:3" x14ac:dyDescent="0.25">
      <c r="B3497" s="21">
        <v>43673</v>
      </c>
      <c r="C3497" s="6">
        <v>9163046</v>
      </c>
    </row>
    <row r="3498" spans="2:3" x14ac:dyDescent="0.25">
      <c r="B3498" s="21">
        <v>43674</v>
      </c>
      <c r="C3498" s="6">
        <v>8907556</v>
      </c>
    </row>
    <row r="3499" spans="2:3" x14ac:dyDescent="0.25">
      <c r="B3499" s="21">
        <v>43675</v>
      </c>
      <c r="C3499" s="6">
        <v>10359805</v>
      </c>
    </row>
    <row r="3500" spans="2:3" x14ac:dyDescent="0.25">
      <c r="B3500" s="21">
        <v>43676</v>
      </c>
      <c r="C3500" s="6">
        <v>10487253</v>
      </c>
    </row>
    <row r="3501" spans="2:3" x14ac:dyDescent="0.25">
      <c r="B3501" s="21">
        <v>43677</v>
      </c>
      <c r="C3501" s="6">
        <v>10384652</v>
      </c>
    </row>
    <row r="3502" spans="2:3" x14ac:dyDescent="0.25">
      <c r="B3502" s="21">
        <v>43678</v>
      </c>
      <c r="C3502" s="6">
        <v>10243282</v>
      </c>
    </row>
    <row r="3503" spans="2:3" x14ac:dyDescent="0.25">
      <c r="B3503" s="21">
        <v>43679</v>
      </c>
      <c r="C3503" s="6">
        <v>10056585</v>
      </c>
    </row>
    <row r="3504" spans="2:3" x14ac:dyDescent="0.25">
      <c r="B3504" s="21">
        <v>43680</v>
      </c>
      <c r="C3504" s="6">
        <v>8787283</v>
      </c>
    </row>
    <row r="3505" spans="2:3" x14ac:dyDescent="0.25">
      <c r="B3505" s="21">
        <v>43681</v>
      </c>
      <c r="C3505" s="6">
        <v>8639349</v>
      </c>
    </row>
    <row r="3506" spans="2:3" x14ac:dyDescent="0.25">
      <c r="B3506" s="21">
        <v>43682</v>
      </c>
      <c r="C3506" s="6">
        <v>10393044</v>
      </c>
    </row>
    <row r="3507" spans="2:3" x14ac:dyDescent="0.25">
      <c r="B3507" s="21">
        <v>43683</v>
      </c>
      <c r="C3507" s="6">
        <v>10820478</v>
      </c>
    </row>
    <row r="3508" spans="2:3" x14ac:dyDescent="0.25">
      <c r="B3508" s="21">
        <v>43684</v>
      </c>
      <c r="C3508" s="6">
        <v>10888951</v>
      </c>
    </row>
    <row r="3509" spans="2:3" x14ac:dyDescent="0.25">
      <c r="B3509" s="21">
        <v>43685</v>
      </c>
      <c r="C3509" s="6">
        <v>10298288</v>
      </c>
    </row>
    <row r="3510" spans="2:3" x14ac:dyDescent="0.25">
      <c r="B3510" s="21">
        <v>43686</v>
      </c>
      <c r="C3510" s="6">
        <v>9800503</v>
      </c>
    </row>
    <row r="3511" spans="2:3" x14ac:dyDescent="0.25">
      <c r="B3511" s="21">
        <v>43687</v>
      </c>
      <c r="C3511" s="6">
        <v>8519469</v>
      </c>
    </row>
    <row r="3512" spans="2:3" x14ac:dyDescent="0.25">
      <c r="B3512" s="21">
        <v>43688</v>
      </c>
      <c r="C3512" s="6">
        <v>8382664</v>
      </c>
    </row>
    <row r="3513" spans="2:3" x14ac:dyDescent="0.25">
      <c r="B3513" s="21">
        <v>43689</v>
      </c>
      <c r="C3513" s="6">
        <v>10208866</v>
      </c>
    </row>
    <row r="3514" spans="2:3" x14ac:dyDescent="0.25">
      <c r="B3514" s="21">
        <v>43690</v>
      </c>
      <c r="C3514" s="6">
        <v>10350442</v>
      </c>
    </row>
    <row r="3515" spans="2:3" x14ac:dyDescent="0.25">
      <c r="B3515" s="21">
        <v>43691</v>
      </c>
      <c r="C3515" s="6">
        <v>10189718</v>
      </c>
    </row>
    <row r="3516" spans="2:3" x14ac:dyDescent="0.25">
      <c r="B3516" s="21">
        <v>43692</v>
      </c>
      <c r="C3516" s="6">
        <v>10186331</v>
      </c>
    </row>
    <row r="3517" spans="2:3" x14ac:dyDescent="0.25">
      <c r="B3517" s="21">
        <v>43693</v>
      </c>
      <c r="C3517" s="6">
        <v>9940478</v>
      </c>
    </row>
    <row r="3518" spans="2:3" x14ac:dyDescent="0.25">
      <c r="B3518" s="21">
        <v>43694</v>
      </c>
      <c r="C3518" s="6">
        <v>8555207</v>
      </c>
    </row>
    <row r="3519" spans="2:3" x14ac:dyDescent="0.25">
      <c r="B3519" s="21">
        <v>43695</v>
      </c>
      <c r="C3519" s="6">
        <v>8569163</v>
      </c>
    </row>
    <row r="3520" spans="2:3" x14ac:dyDescent="0.25">
      <c r="B3520" s="21">
        <v>43696</v>
      </c>
      <c r="C3520" s="6">
        <v>10494531</v>
      </c>
    </row>
    <row r="3521" spans="2:3" x14ac:dyDescent="0.25">
      <c r="B3521" s="21">
        <v>43697</v>
      </c>
      <c r="C3521" s="6">
        <v>10706183</v>
      </c>
    </row>
    <row r="3522" spans="2:3" x14ac:dyDescent="0.25">
      <c r="B3522" s="21">
        <v>43698</v>
      </c>
      <c r="C3522" s="6">
        <v>10519364</v>
      </c>
    </row>
    <row r="3523" spans="2:3" x14ac:dyDescent="0.25">
      <c r="B3523" s="21">
        <v>43699</v>
      </c>
      <c r="C3523" s="6">
        <v>10333202</v>
      </c>
    </row>
    <row r="3524" spans="2:3" x14ac:dyDescent="0.25">
      <c r="B3524" s="21">
        <v>43700</v>
      </c>
      <c r="C3524" s="6">
        <v>10071759</v>
      </c>
    </row>
    <row r="3525" spans="2:3" x14ac:dyDescent="0.25">
      <c r="B3525" s="21">
        <v>43701</v>
      </c>
      <c r="C3525" s="6">
        <v>8706305</v>
      </c>
    </row>
    <row r="3526" spans="2:3" x14ac:dyDescent="0.25">
      <c r="B3526" s="21">
        <v>43702</v>
      </c>
      <c r="C3526" s="6">
        <v>8595552</v>
      </c>
    </row>
    <row r="3527" spans="2:3" x14ac:dyDescent="0.25">
      <c r="B3527" s="21">
        <v>43703</v>
      </c>
      <c r="C3527" s="6">
        <v>10585173</v>
      </c>
    </row>
    <row r="3528" spans="2:3" x14ac:dyDescent="0.25">
      <c r="B3528" s="21">
        <v>43704</v>
      </c>
      <c r="C3528" s="6">
        <v>11746275</v>
      </c>
    </row>
    <row r="3529" spans="2:3" x14ac:dyDescent="0.25">
      <c r="B3529" s="21">
        <v>43705</v>
      </c>
      <c r="C3529" s="6">
        <v>11940800</v>
      </c>
    </row>
    <row r="3530" spans="2:3" x14ac:dyDescent="0.25">
      <c r="B3530" s="21">
        <v>43706</v>
      </c>
      <c r="C3530" s="6">
        <v>11852135</v>
      </c>
    </row>
    <row r="3531" spans="2:3" x14ac:dyDescent="0.25">
      <c r="B3531" s="21">
        <v>43707</v>
      </c>
      <c r="C3531" s="6">
        <v>11550451</v>
      </c>
    </row>
    <row r="3532" spans="2:3" x14ac:dyDescent="0.25">
      <c r="B3532" s="21">
        <v>43708</v>
      </c>
      <c r="C3532" s="6">
        <v>9956293</v>
      </c>
    </row>
    <row r="3533" spans="2:3" x14ac:dyDescent="0.25">
      <c r="B3533" s="21">
        <v>43709</v>
      </c>
      <c r="C3533" s="6">
        <v>9748466</v>
      </c>
    </row>
    <row r="3534" spans="2:3" x14ac:dyDescent="0.25">
      <c r="B3534" s="21">
        <v>43710</v>
      </c>
      <c r="C3534" s="6">
        <v>11546470</v>
      </c>
    </row>
    <row r="3535" spans="2:3" x14ac:dyDescent="0.25">
      <c r="B3535" s="21">
        <v>43711</v>
      </c>
      <c r="C3535" s="6">
        <v>11441023</v>
      </c>
    </row>
    <row r="3536" spans="2:3" x14ac:dyDescent="0.25">
      <c r="B3536" s="21">
        <v>43712</v>
      </c>
      <c r="C3536" s="6">
        <v>11451781</v>
      </c>
    </row>
    <row r="3537" spans="2:3" x14ac:dyDescent="0.25">
      <c r="B3537" s="21">
        <v>43713</v>
      </c>
      <c r="C3537" s="6">
        <v>11466421</v>
      </c>
    </row>
    <row r="3538" spans="2:3" x14ac:dyDescent="0.25">
      <c r="B3538" s="21">
        <v>43714</v>
      </c>
      <c r="C3538" s="6">
        <v>11190893</v>
      </c>
    </row>
    <row r="3539" spans="2:3" x14ac:dyDescent="0.25">
      <c r="B3539" s="21">
        <v>43715</v>
      </c>
      <c r="C3539" s="6">
        <v>9753463</v>
      </c>
    </row>
    <row r="3540" spans="2:3" x14ac:dyDescent="0.25">
      <c r="B3540" s="21">
        <v>43716</v>
      </c>
      <c r="C3540" s="6">
        <v>9593351</v>
      </c>
    </row>
    <row r="3541" spans="2:3" x14ac:dyDescent="0.25">
      <c r="B3541" s="21">
        <v>43717</v>
      </c>
      <c r="C3541" s="6">
        <v>11632377</v>
      </c>
    </row>
    <row r="3542" spans="2:3" x14ac:dyDescent="0.25">
      <c r="B3542" s="21">
        <v>43718</v>
      </c>
      <c r="C3542" s="6">
        <v>11624576</v>
      </c>
    </row>
    <row r="3543" spans="2:3" x14ac:dyDescent="0.25">
      <c r="B3543" s="21">
        <v>43719</v>
      </c>
      <c r="C3543" s="6">
        <v>11675871</v>
      </c>
    </row>
    <row r="3544" spans="2:3" x14ac:dyDescent="0.25">
      <c r="B3544" s="21">
        <v>43720</v>
      </c>
      <c r="C3544" s="6">
        <v>11625191</v>
      </c>
    </row>
    <row r="3545" spans="2:3" x14ac:dyDescent="0.25">
      <c r="B3545" s="21">
        <v>43721</v>
      </c>
      <c r="C3545" s="6">
        <v>11417677</v>
      </c>
    </row>
    <row r="3546" spans="2:3" x14ac:dyDescent="0.25">
      <c r="B3546" s="21">
        <v>43722</v>
      </c>
      <c r="C3546" s="6">
        <v>9720157</v>
      </c>
    </row>
    <row r="3547" spans="2:3" x14ac:dyDescent="0.25">
      <c r="B3547" s="21">
        <v>43723</v>
      </c>
      <c r="C3547" s="6">
        <v>9574278</v>
      </c>
    </row>
    <row r="3548" spans="2:3" x14ac:dyDescent="0.25">
      <c r="B3548" s="21">
        <v>43724</v>
      </c>
      <c r="C3548" s="6">
        <v>11616619</v>
      </c>
    </row>
    <row r="3549" spans="2:3" x14ac:dyDescent="0.25">
      <c r="B3549" s="21">
        <v>43725</v>
      </c>
      <c r="C3549" s="6">
        <v>11847595</v>
      </c>
    </row>
    <row r="3550" spans="2:3" x14ac:dyDescent="0.25">
      <c r="B3550" s="21">
        <v>43726</v>
      </c>
      <c r="C3550" s="6">
        <v>11791993</v>
      </c>
    </row>
    <row r="3551" spans="2:3" x14ac:dyDescent="0.25">
      <c r="B3551" s="21">
        <v>43727</v>
      </c>
      <c r="C3551" s="6">
        <v>12008942</v>
      </c>
    </row>
    <row r="3552" spans="2:3" x14ac:dyDescent="0.25">
      <c r="B3552" s="21">
        <v>43728</v>
      </c>
      <c r="C3552" s="6">
        <v>11912778</v>
      </c>
    </row>
    <row r="3553" spans="2:3" x14ac:dyDescent="0.25">
      <c r="B3553" s="21">
        <v>43729</v>
      </c>
      <c r="C3553" s="6">
        <v>10273253</v>
      </c>
    </row>
    <row r="3554" spans="2:3" x14ac:dyDescent="0.25">
      <c r="B3554" s="21">
        <v>43730</v>
      </c>
      <c r="C3554" s="6">
        <v>9967680</v>
      </c>
    </row>
    <row r="3555" spans="2:3" x14ac:dyDescent="0.25">
      <c r="B3555" s="21">
        <v>43731</v>
      </c>
      <c r="C3555" s="6">
        <v>12049159</v>
      </c>
    </row>
    <row r="3556" spans="2:3" x14ac:dyDescent="0.25">
      <c r="B3556" s="21">
        <v>43732</v>
      </c>
      <c r="C3556" s="6">
        <v>12120494</v>
      </c>
    </row>
    <row r="3557" spans="2:3" x14ac:dyDescent="0.25">
      <c r="B3557" s="21">
        <v>43733</v>
      </c>
      <c r="C3557" s="6">
        <v>12155705</v>
      </c>
    </row>
    <row r="3558" spans="2:3" x14ac:dyDescent="0.25">
      <c r="B3558" s="21">
        <v>43734</v>
      </c>
      <c r="C3558" s="6">
        <v>12009184</v>
      </c>
    </row>
    <row r="3559" spans="2:3" x14ac:dyDescent="0.25">
      <c r="B3559" s="21">
        <v>43735</v>
      </c>
      <c r="C3559" s="6">
        <v>11877660</v>
      </c>
    </row>
    <row r="3560" spans="2:3" x14ac:dyDescent="0.25">
      <c r="B3560" s="21">
        <v>43736</v>
      </c>
      <c r="C3560" s="6">
        <v>9953153</v>
      </c>
    </row>
    <row r="3561" spans="2:3" x14ac:dyDescent="0.25">
      <c r="B3561" s="21">
        <v>43737</v>
      </c>
      <c r="C3561" s="6">
        <v>9778922</v>
      </c>
    </row>
    <row r="3562" spans="2:3" x14ac:dyDescent="0.25">
      <c r="B3562" s="21">
        <v>43738</v>
      </c>
      <c r="C3562" s="6">
        <v>11729291</v>
      </c>
    </row>
    <row r="3563" spans="2:3" x14ac:dyDescent="0.25">
      <c r="B3563" s="21">
        <v>43739</v>
      </c>
      <c r="C3563" s="6">
        <v>11990379</v>
      </c>
    </row>
    <row r="3564" spans="2:3" x14ac:dyDescent="0.25">
      <c r="B3564" s="21">
        <v>43740</v>
      </c>
      <c r="C3564" s="6">
        <v>12330238</v>
      </c>
    </row>
    <row r="3565" spans="2:3" x14ac:dyDescent="0.25">
      <c r="B3565" s="21">
        <v>43741</v>
      </c>
      <c r="C3565" s="6">
        <v>12374502</v>
      </c>
    </row>
    <row r="3566" spans="2:3" x14ac:dyDescent="0.25">
      <c r="B3566" s="21">
        <v>43742</v>
      </c>
      <c r="C3566" s="6">
        <v>12306718</v>
      </c>
    </row>
    <row r="3567" spans="2:3" x14ac:dyDescent="0.25">
      <c r="B3567" s="21">
        <v>43743</v>
      </c>
      <c r="C3567" s="6">
        <v>10717660</v>
      </c>
    </row>
    <row r="3568" spans="2:3" x14ac:dyDescent="0.25">
      <c r="B3568" s="21">
        <v>43744</v>
      </c>
      <c r="C3568" s="6">
        <v>10365396</v>
      </c>
    </row>
    <row r="3569" spans="2:3" x14ac:dyDescent="0.25">
      <c r="B3569" s="21">
        <v>43745</v>
      </c>
      <c r="C3569" s="6">
        <v>12465699</v>
      </c>
    </row>
    <row r="3570" spans="2:3" x14ac:dyDescent="0.25">
      <c r="B3570" s="21">
        <v>43746</v>
      </c>
      <c r="C3570" s="6">
        <v>12658691</v>
      </c>
    </row>
    <row r="3571" spans="2:3" x14ac:dyDescent="0.25">
      <c r="B3571" s="21">
        <v>43747</v>
      </c>
      <c r="C3571" s="6">
        <v>12508341</v>
      </c>
    </row>
    <row r="3572" spans="2:3" x14ac:dyDescent="0.25">
      <c r="B3572" s="21">
        <v>43748</v>
      </c>
      <c r="C3572" s="6">
        <v>12580094</v>
      </c>
    </row>
    <row r="3573" spans="2:3" x14ac:dyDescent="0.25">
      <c r="B3573" s="21">
        <v>43749</v>
      </c>
      <c r="C3573" s="6">
        <v>12005999</v>
      </c>
    </row>
    <row r="3574" spans="2:3" x14ac:dyDescent="0.25">
      <c r="B3574" s="21">
        <v>43750</v>
      </c>
      <c r="C3574" s="6">
        <v>10180176</v>
      </c>
    </row>
    <row r="3575" spans="2:3" x14ac:dyDescent="0.25">
      <c r="B3575" s="21">
        <v>43751</v>
      </c>
      <c r="C3575" s="6">
        <v>9893476</v>
      </c>
    </row>
    <row r="3576" spans="2:3" x14ac:dyDescent="0.25">
      <c r="B3576" s="21">
        <v>43752</v>
      </c>
      <c r="C3576" s="6">
        <v>11881522</v>
      </c>
    </row>
    <row r="3577" spans="2:3" x14ac:dyDescent="0.25">
      <c r="B3577" s="21">
        <v>43753</v>
      </c>
      <c r="C3577" s="6">
        <v>12098415</v>
      </c>
    </row>
    <row r="3578" spans="2:3" x14ac:dyDescent="0.25">
      <c r="B3578" s="21">
        <v>43754</v>
      </c>
      <c r="C3578" s="6">
        <v>12420094</v>
      </c>
    </row>
    <row r="3579" spans="2:3" x14ac:dyDescent="0.25">
      <c r="B3579" s="21">
        <v>43755</v>
      </c>
      <c r="C3579" s="6">
        <v>12329429</v>
      </c>
    </row>
    <row r="3580" spans="2:3" x14ac:dyDescent="0.25">
      <c r="B3580" s="21">
        <v>43756</v>
      </c>
      <c r="C3580" s="6">
        <v>12116039</v>
      </c>
    </row>
    <row r="3581" spans="2:3" x14ac:dyDescent="0.25">
      <c r="B3581" s="21">
        <v>43757</v>
      </c>
      <c r="C3581" s="6">
        <v>10580114</v>
      </c>
    </row>
    <row r="3582" spans="2:3" x14ac:dyDescent="0.25">
      <c r="B3582" s="21">
        <v>43758</v>
      </c>
      <c r="C3582" s="6">
        <v>10304979</v>
      </c>
    </row>
    <row r="3583" spans="2:3" x14ac:dyDescent="0.25">
      <c r="B3583" s="21">
        <v>43759</v>
      </c>
      <c r="C3583" s="6">
        <v>12264732</v>
      </c>
    </row>
    <row r="3584" spans="2:3" x14ac:dyDescent="0.25">
      <c r="B3584" s="21">
        <v>43760</v>
      </c>
      <c r="C3584" s="6">
        <v>12538441</v>
      </c>
    </row>
    <row r="3585" spans="2:3" x14ac:dyDescent="0.25">
      <c r="B3585" s="21">
        <v>43761</v>
      </c>
      <c r="C3585" s="6">
        <v>12376799</v>
      </c>
    </row>
    <row r="3586" spans="2:3" x14ac:dyDescent="0.25">
      <c r="B3586" s="21">
        <v>43762</v>
      </c>
      <c r="C3586" s="6">
        <v>12428073</v>
      </c>
    </row>
    <row r="3587" spans="2:3" x14ac:dyDescent="0.25">
      <c r="B3587" s="21">
        <v>43763</v>
      </c>
      <c r="C3587" s="6">
        <v>12237861</v>
      </c>
    </row>
    <row r="3588" spans="2:3" x14ac:dyDescent="0.25">
      <c r="B3588" s="21">
        <v>43764</v>
      </c>
      <c r="C3588" s="6">
        <v>10384697</v>
      </c>
    </row>
    <row r="3589" spans="2:3" x14ac:dyDescent="0.25">
      <c r="B3589" s="21">
        <v>43765</v>
      </c>
      <c r="C3589" s="6">
        <v>10337458</v>
      </c>
    </row>
    <row r="3590" spans="2:3" x14ac:dyDescent="0.25">
      <c r="B3590" s="21">
        <v>43766</v>
      </c>
      <c r="C3590" s="6">
        <v>10658653</v>
      </c>
    </row>
    <row r="3591" spans="2:3" x14ac:dyDescent="0.25">
      <c r="B3591" s="21">
        <v>43767</v>
      </c>
      <c r="C3591" s="6">
        <v>12808555</v>
      </c>
    </row>
    <row r="3592" spans="2:3" x14ac:dyDescent="0.25">
      <c r="B3592" s="21">
        <v>43768</v>
      </c>
      <c r="C3592" s="6">
        <v>13155155</v>
      </c>
    </row>
    <row r="3593" spans="2:3" x14ac:dyDescent="0.25">
      <c r="B3593" s="21">
        <v>43769</v>
      </c>
      <c r="C3593" s="6">
        <v>13521148</v>
      </c>
    </row>
    <row r="3594" spans="2:3" x14ac:dyDescent="0.25">
      <c r="B3594" s="21">
        <v>43770</v>
      </c>
      <c r="C3594" s="6">
        <v>13152796</v>
      </c>
    </row>
    <row r="3595" spans="2:3" x14ac:dyDescent="0.25">
      <c r="B3595" s="21">
        <v>43771</v>
      </c>
      <c r="C3595" s="6">
        <v>11277471</v>
      </c>
    </row>
    <row r="3596" spans="2:3" x14ac:dyDescent="0.25">
      <c r="B3596" s="21">
        <v>43772</v>
      </c>
      <c r="C3596" s="6">
        <v>10764017</v>
      </c>
    </row>
    <row r="3597" spans="2:3" x14ac:dyDescent="0.25">
      <c r="B3597" s="21">
        <v>43773</v>
      </c>
      <c r="C3597" s="6">
        <v>12600293</v>
      </c>
    </row>
    <row r="3598" spans="2:3" x14ac:dyDescent="0.25">
      <c r="B3598" s="21">
        <v>43774</v>
      </c>
      <c r="C3598" s="6">
        <v>13123976</v>
      </c>
    </row>
    <row r="3599" spans="2:3" x14ac:dyDescent="0.25">
      <c r="B3599" s="21">
        <v>43775</v>
      </c>
      <c r="C3599" s="6">
        <v>13069252</v>
      </c>
    </row>
    <row r="3600" spans="2:3" x14ac:dyDescent="0.25">
      <c r="B3600" s="21">
        <v>43776</v>
      </c>
      <c r="C3600" s="6">
        <v>13058082</v>
      </c>
    </row>
    <row r="3601" spans="2:3" x14ac:dyDescent="0.25">
      <c r="B3601" s="21">
        <v>43777</v>
      </c>
      <c r="C3601" s="6">
        <v>12920287</v>
      </c>
    </row>
    <row r="3602" spans="2:3" x14ac:dyDescent="0.25">
      <c r="B3602" s="21">
        <v>43778</v>
      </c>
      <c r="C3602" s="6">
        <v>11447432</v>
      </c>
    </row>
    <row r="3603" spans="2:3" x14ac:dyDescent="0.25">
      <c r="B3603" s="21">
        <v>43779</v>
      </c>
      <c r="C3603" s="6">
        <v>11407024</v>
      </c>
    </row>
    <row r="3604" spans="2:3" x14ac:dyDescent="0.25">
      <c r="B3604" s="21">
        <v>43780</v>
      </c>
      <c r="C3604" s="6">
        <v>13530582</v>
      </c>
    </row>
    <row r="3605" spans="2:3" x14ac:dyDescent="0.25">
      <c r="B3605" s="21">
        <v>43781</v>
      </c>
      <c r="C3605" s="6">
        <v>13696091</v>
      </c>
    </row>
    <row r="3606" spans="2:3" x14ac:dyDescent="0.25">
      <c r="B3606" s="21">
        <v>43782</v>
      </c>
      <c r="C3606" s="6">
        <v>13781348</v>
      </c>
    </row>
    <row r="3607" spans="2:3" x14ac:dyDescent="0.25">
      <c r="B3607" s="21">
        <v>43783</v>
      </c>
      <c r="C3607" s="6">
        <v>13666603</v>
      </c>
    </row>
    <row r="3608" spans="2:3" x14ac:dyDescent="0.25">
      <c r="B3608" s="21">
        <v>43784</v>
      </c>
      <c r="C3608" s="6">
        <v>13172470</v>
      </c>
    </row>
    <row r="3609" spans="2:3" x14ac:dyDescent="0.25">
      <c r="B3609" s="21">
        <v>43785</v>
      </c>
      <c r="C3609" s="6">
        <v>11187315</v>
      </c>
    </row>
    <row r="3610" spans="2:3" x14ac:dyDescent="0.25">
      <c r="B3610" s="21">
        <v>43786</v>
      </c>
      <c r="C3610" s="6">
        <v>10806812</v>
      </c>
    </row>
    <row r="3611" spans="2:3" x14ac:dyDescent="0.25">
      <c r="B3611" s="21">
        <v>43787</v>
      </c>
      <c r="C3611" s="6">
        <v>12949780</v>
      </c>
    </row>
    <row r="3612" spans="2:3" x14ac:dyDescent="0.25">
      <c r="B3612" s="21">
        <v>43788</v>
      </c>
      <c r="C3612" s="6">
        <v>13345539</v>
      </c>
    </row>
    <row r="3613" spans="2:3" x14ac:dyDescent="0.25">
      <c r="B3613" s="21">
        <v>43789</v>
      </c>
      <c r="C3613" s="6">
        <v>13458677</v>
      </c>
    </row>
    <row r="3614" spans="2:3" x14ac:dyDescent="0.25">
      <c r="B3614" s="21">
        <v>43790</v>
      </c>
      <c r="C3614" s="6">
        <v>13332077</v>
      </c>
    </row>
    <row r="3615" spans="2:3" x14ac:dyDescent="0.25">
      <c r="B3615" s="21">
        <v>43791</v>
      </c>
      <c r="C3615" s="6">
        <v>13052010</v>
      </c>
    </row>
    <row r="3616" spans="2:3" x14ac:dyDescent="0.25">
      <c r="B3616" s="21">
        <v>43792</v>
      </c>
      <c r="C3616" s="6">
        <v>11380433</v>
      </c>
    </row>
    <row r="3617" spans="2:3" x14ac:dyDescent="0.25">
      <c r="B3617" s="21">
        <v>43793</v>
      </c>
      <c r="C3617" s="6">
        <v>11086758</v>
      </c>
    </row>
    <row r="3618" spans="2:3" x14ac:dyDescent="0.25">
      <c r="B3618" s="21">
        <v>43794</v>
      </c>
      <c r="C3618" s="6">
        <v>13216287</v>
      </c>
    </row>
    <row r="3619" spans="2:3" x14ac:dyDescent="0.25">
      <c r="B3619" s="21">
        <v>43795</v>
      </c>
      <c r="C3619" s="6">
        <v>13563186</v>
      </c>
    </row>
    <row r="3620" spans="2:3" x14ac:dyDescent="0.25">
      <c r="B3620" s="21">
        <v>43796</v>
      </c>
      <c r="C3620" s="6">
        <v>13575809</v>
      </c>
    </row>
    <row r="3621" spans="2:3" x14ac:dyDescent="0.25">
      <c r="B3621" s="21">
        <v>43797</v>
      </c>
      <c r="C3621" s="6">
        <v>13426949</v>
      </c>
    </row>
    <row r="3622" spans="2:3" x14ac:dyDescent="0.25">
      <c r="B3622" s="21">
        <v>43798</v>
      </c>
      <c r="C3622" s="6">
        <v>13196663</v>
      </c>
    </row>
    <row r="3623" spans="2:3" x14ac:dyDescent="0.25">
      <c r="B3623" s="21">
        <v>43799</v>
      </c>
      <c r="C3623" s="6">
        <v>11904885</v>
      </c>
    </row>
    <row r="3624" spans="2:3" x14ac:dyDescent="0.25">
      <c r="B3624" s="21">
        <v>43800</v>
      </c>
      <c r="C3624" s="6">
        <v>11878213</v>
      </c>
    </row>
    <row r="3625" spans="2:3" x14ac:dyDescent="0.25">
      <c r="B3625" s="21">
        <v>43801</v>
      </c>
      <c r="C3625" s="6">
        <v>14115386</v>
      </c>
    </row>
    <row r="3626" spans="2:3" x14ac:dyDescent="0.25">
      <c r="B3626" s="21">
        <v>43802</v>
      </c>
      <c r="C3626" s="6">
        <v>14284332</v>
      </c>
    </row>
    <row r="3627" spans="2:3" x14ac:dyDescent="0.25">
      <c r="B3627" s="21">
        <v>43803</v>
      </c>
      <c r="C3627" s="6">
        <v>14460012</v>
      </c>
    </row>
    <row r="3628" spans="2:3" x14ac:dyDescent="0.25">
      <c r="B3628" s="21">
        <v>43804</v>
      </c>
      <c r="C3628" s="6">
        <v>14777638</v>
      </c>
    </row>
    <row r="3629" spans="2:3" x14ac:dyDescent="0.25">
      <c r="B3629" s="21">
        <v>43805</v>
      </c>
      <c r="C3629" s="6">
        <v>14521650</v>
      </c>
    </row>
    <row r="3630" spans="2:3" x14ac:dyDescent="0.25">
      <c r="B3630" s="21">
        <v>43806</v>
      </c>
      <c r="C3630" s="6">
        <v>12486991</v>
      </c>
    </row>
    <row r="3631" spans="2:3" x14ac:dyDescent="0.25">
      <c r="B3631" s="21">
        <v>43807</v>
      </c>
      <c r="C3631" s="6">
        <v>11850180</v>
      </c>
    </row>
    <row r="3632" spans="2:3" x14ac:dyDescent="0.25">
      <c r="B3632" s="21">
        <v>43808</v>
      </c>
      <c r="C3632" s="6">
        <v>13834500</v>
      </c>
    </row>
    <row r="3633" spans="2:3" x14ac:dyDescent="0.25">
      <c r="B3633" s="21">
        <v>43809</v>
      </c>
      <c r="C3633" s="6">
        <v>14150321</v>
      </c>
    </row>
    <row r="3634" spans="2:3" x14ac:dyDescent="0.25">
      <c r="B3634" s="21">
        <v>43810</v>
      </c>
      <c r="C3634" s="6">
        <v>14108706</v>
      </c>
    </row>
    <row r="3635" spans="2:3" x14ac:dyDescent="0.25">
      <c r="B3635" s="21">
        <v>43811</v>
      </c>
      <c r="C3635" s="6">
        <v>14795164</v>
      </c>
    </row>
    <row r="3636" spans="2:3" x14ac:dyDescent="0.25">
      <c r="B3636" s="21">
        <v>43812</v>
      </c>
      <c r="C3636" s="6">
        <v>14422534</v>
      </c>
    </row>
    <row r="3637" spans="2:3" x14ac:dyDescent="0.25">
      <c r="B3637" s="21">
        <v>43813</v>
      </c>
      <c r="C3637" s="6">
        <v>12446492</v>
      </c>
    </row>
    <row r="3638" spans="2:3" x14ac:dyDescent="0.25">
      <c r="B3638" s="21">
        <v>43814</v>
      </c>
      <c r="C3638" s="6">
        <v>11844983</v>
      </c>
    </row>
    <row r="3639" spans="2:3" x14ac:dyDescent="0.25">
      <c r="B3639" s="21">
        <v>43815</v>
      </c>
      <c r="C3639" s="6">
        <v>13607702</v>
      </c>
    </row>
    <row r="3640" spans="2:3" x14ac:dyDescent="0.25">
      <c r="B3640" s="21">
        <v>43816</v>
      </c>
      <c r="C3640" s="6">
        <v>13497360</v>
      </c>
    </row>
    <row r="3641" spans="2:3" x14ac:dyDescent="0.25">
      <c r="B3641" s="21">
        <v>43817</v>
      </c>
      <c r="C3641" s="6">
        <v>13224794</v>
      </c>
    </row>
    <row r="3642" spans="2:3" x14ac:dyDescent="0.25">
      <c r="B3642" s="21">
        <v>43818</v>
      </c>
      <c r="C3642" s="6">
        <v>12773445</v>
      </c>
    </row>
    <row r="3643" spans="2:3" x14ac:dyDescent="0.25">
      <c r="B3643" s="21">
        <v>43819</v>
      </c>
      <c r="C3643" s="6">
        <v>11793043</v>
      </c>
    </row>
    <row r="3644" spans="2:3" x14ac:dyDescent="0.25">
      <c r="B3644" s="21">
        <v>43820</v>
      </c>
      <c r="C3644" s="6">
        <v>10633820</v>
      </c>
    </row>
    <row r="3645" spans="2:3" x14ac:dyDescent="0.25">
      <c r="B3645" s="21">
        <v>43821</v>
      </c>
      <c r="C3645" s="6">
        <v>10343975</v>
      </c>
    </row>
    <row r="3646" spans="2:3" x14ac:dyDescent="0.25">
      <c r="B3646" s="21">
        <v>43822</v>
      </c>
      <c r="C3646" s="6">
        <v>10486849</v>
      </c>
    </row>
    <row r="3647" spans="2:3" x14ac:dyDescent="0.25">
      <c r="B3647" s="21">
        <v>43823</v>
      </c>
      <c r="C3647" s="6">
        <v>9330711</v>
      </c>
    </row>
    <row r="3648" spans="2:3" x14ac:dyDescent="0.25">
      <c r="B3648" s="21">
        <v>43824</v>
      </c>
      <c r="C3648" s="6">
        <v>9122790</v>
      </c>
    </row>
    <row r="3649" spans="2:3" x14ac:dyDescent="0.25">
      <c r="B3649" s="21">
        <v>43825</v>
      </c>
      <c r="C3649" s="6">
        <v>9514858</v>
      </c>
    </row>
    <row r="3650" spans="2:3" x14ac:dyDescent="0.25">
      <c r="B3650" s="21">
        <v>43826</v>
      </c>
      <c r="C3650" s="6">
        <v>10421923</v>
      </c>
    </row>
    <row r="3651" spans="2:3" x14ac:dyDescent="0.25">
      <c r="B3651" s="21">
        <v>43827</v>
      </c>
      <c r="C3651" s="6">
        <v>10624226</v>
      </c>
    </row>
    <row r="3652" spans="2:3" x14ac:dyDescent="0.25">
      <c r="B3652" s="21">
        <v>43828</v>
      </c>
      <c r="C3652" s="6">
        <v>10698903</v>
      </c>
    </row>
    <row r="3653" spans="2:3" x14ac:dyDescent="0.25">
      <c r="B3653" s="21">
        <v>43829</v>
      </c>
      <c r="C3653" s="6">
        <v>11063820</v>
      </c>
    </row>
    <row r="3654" spans="2:3" x14ac:dyDescent="0.25">
      <c r="B3654" s="21">
        <v>43830</v>
      </c>
      <c r="C3654" s="6">
        <v>10427033</v>
      </c>
    </row>
    <row r="3655" spans="2:3" x14ac:dyDescent="0.25">
      <c r="B3655" s="21">
        <v>43831</v>
      </c>
      <c r="C3655" s="6">
        <v>9859493</v>
      </c>
    </row>
    <row r="3656" spans="2:3" x14ac:dyDescent="0.25">
      <c r="B3656" s="21">
        <v>43832</v>
      </c>
      <c r="C3656" s="6">
        <v>12161861</v>
      </c>
    </row>
    <row r="3657" spans="2:3" x14ac:dyDescent="0.25">
      <c r="B3657" s="21">
        <v>43833</v>
      </c>
      <c r="C3657" s="6">
        <v>12620192</v>
      </c>
    </row>
    <row r="3658" spans="2:3" x14ac:dyDescent="0.25">
      <c r="B3658" s="21">
        <v>43834</v>
      </c>
      <c r="C3658" s="6">
        <v>11484617</v>
      </c>
    </row>
    <row r="3659" spans="2:3" x14ac:dyDescent="0.25">
      <c r="B3659" s="21">
        <v>43835</v>
      </c>
      <c r="C3659" s="6">
        <v>11566931</v>
      </c>
    </row>
    <row r="3660" spans="2:3" x14ac:dyDescent="0.25">
      <c r="B3660" s="21">
        <v>43836</v>
      </c>
      <c r="C3660" s="6">
        <v>13710970</v>
      </c>
    </row>
    <row r="3661" spans="2:3" x14ac:dyDescent="0.25">
      <c r="B3661" s="21">
        <v>43837</v>
      </c>
      <c r="C3661" s="6">
        <v>14319104</v>
      </c>
    </row>
    <row r="3662" spans="2:3" x14ac:dyDescent="0.25">
      <c r="B3662" s="21">
        <v>43838</v>
      </c>
      <c r="C3662" s="6">
        <v>14118141</v>
      </c>
    </row>
    <row r="3663" spans="2:3" x14ac:dyDescent="0.25">
      <c r="B3663" s="21">
        <v>43839</v>
      </c>
      <c r="C3663" s="6">
        <v>13911118</v>
      </c>
    </row>
    <row r="3664" spans="2:3" x14ac:dyDescent="0.25">
      <c r="B3664" s="21">
        <v>43840</v>
      </c>
      <c r="C3664" s="6">
        <v>13461689</v>
      </c>
    </row>
    <row r="3665" spans="2:3" x14ac:dyDescent="0.25">
      <c r="B3665" s="21">
        <v>43841</v>
      </c>
      <c r="C3665" s="6">
        <v>11777886</v>
      </c>
    </row>
    <row r="3666" spans="2:3" x14ac:dyDescent="0.25">
      <c r="B3666" s="21">
        <v>43842</v>
      </c>
      <c r="C3666" s="6">
        <v>11609111</v>
      </c>
    </row>
    <row r="3667" spans="2:3" x14ac:dyDescent="0.25">
      <c r="B3667" s="21">
        <v>43843</v>
      </c>
      <c r="C3667" s="6">
        <v>13991576</v>
      </c>
    </row>
    <row r="3668" spans="2:3" x14ac:dyDescent="0.25">
      <c r="B3668" s="21">
        <v>43844</v>
      </c>
      <c r="C3668" s="6">
        <v>14398277</v>
      </c>
    </row>
    <row r="3669" spans="2:3" x14ac:dyDescent="0.25">
      <c r="B3669" s="21">
        <v>43845</v>
      </c>
      <c r="C3669" s="6">
        <v>14496155</v>
      </c>
    </row>
    <row r="3670" spans="2:3" x14ac:dyDescent="0.25">
      <c r="B3670" s="21">
        <v>43846</v>
      </c>
      <c r="C3670" s="6">
        <v>14473533</v>
      </c>
    </row>
    <row r="3671" spans="2:3" x14ac:dyDescent="0.25">
      <c r="B3671" s="21">
        <v>43847</v>
      </c>
      <c r="C3671" s="6">
        <v>14372454</v>
      </c>
    </row>
    <row r="3672" spans="2:3" x14ac:dyDescent="0.25">
      <c r="B3672" s="21">
        <v>43848</v>
      </c>
      <c r="C3672" s="6">
        <v>12730756</v>
      </c>
    </row>
    <row r="3673" spans="2:3" x14ac:dyDescent="0.25">
      <c r="B3673" s="21">
        <v>43849</v>
      </c>
      <c r="C3673" s="6">
        <v>12366896</v>
      </c>
    </row>
    <row r="3674" spans="2:3" x14ac:dyDescent="0.25">
      <c r="B3674" s="21">
        <v>43850</v>
      </c>
      <c r="C3674" s="6">
        <v>14370959</v>
      </c>
    </row>
    <row r="3675" spans="2:3" x14ac:dyDescent="0.25">
      <c r="B3675" s="21">
        <v>43851</v>
      </c>
      <c r="C3675" s="6">
        <v>14792868</v>
      </c>
    </row>
    <row r="3676" spans="2:3" x14ac:dyDescent="0.25">
      <c r="B3676" s="21">
        <v>43852</v>
      </c>
      <c r="C3676" s="6">
        <v>14877886</v>
      </c>
    </row>
    <row r="3677" spans="2:3" x14ac:dyDescent="0.25">
      <c r="B3677" s="21">
        <v>43853</v>
      </c>
      <c r="C3677" s="6">
        <v>14619219</v>
      </c>
    </row>
    <row r="3678" spans="2:3" x14ac:dyDescent="0.25">
      <c r="B3678" s="21">
        <v>43854</v>
      </c>
      <c r="C3678" s="6">
        <v>14725284</v>
      </c>
    </row>
    <row r="3679" spans="2:3" x14ac:dyDescent="0.25">
      <c r="B3679" s="21">
        <v>43855</v>
      </c>
      <c r="C3679" s="6">
        <v>13056364</v>
      </c>
    </row>
    <row r="3680" spans="2:3" x14ac:dyDescent="0.25">
      <c r="B3680" s="21">
        <v>43856</v>
      </c>
      <c r="C3680" s="6">
        <v>12760867</v>
      </c>
    </row>
    <row r="3681" spans="2:3" x14ac:dyDescent="0.25">
      <c r="B3681" s="21">
        <v>43857</v>
      </c>
      <c r="C3681" s="6">
        <v>14578221</v>
      </c>
    </row>
    <row r="3682" spans="2:3" x14ac:dyDescent="0.25">
      <c r="B3682" s="21">
        <v>43858</v>
      </c>
      <c r="C3682" s="6">
        <v>14609397</v>
      </c>
    </row>
    <row r="3683" spans="2:3" x14ac:dyDescent="0.25">
      <c r="B3683" s="21">
        <v>43859</v>
      </c>
      <c r="C3683" s="6">
        <v>14572180</v>
      </c>
    </row>
    <row r="3684" spans="2:3" x14ac:dyDescent="0.25">
      <c r="B3684" s="21">
        <v>43860</v>
      </c>
      <c r="C3684" s="6">
        <v>14455494</v>
      </c>
    </row>
    <row r="3685" spans="2:3" x14ac:dyDescent="0.25">
      <c r="B3685" s="21">
        <v>43861</v>
      </c>
      <c r="C3685" s="6">
        <v>13724889</v>
      </c>
    </row>
    <row r="3686" spans="2:3" x14ac:dyDescent="0.25">
      <c r="B3686" s="21">
        <v>43862</v>
      </c>
      <c r="C3686" s="6">
        <v>11634038</v>
      </c>
    </row>
    <row r="3687" spans="2:3" x14ac:dyDescent="0.25">
      <c r="B3687" s="21">
        <v>43863</v>
      </c>
      <c r="C3687" s="6">
        <v>11196098</v>
      </c>
    </row>
    <row r="3688" spans="2:3" x14ac:dyDescent="0.25">
      <c r="B3688" s="21">
        <v>43864</v>
      </c>
      <c r="C3688" s="6">
        <v>13216123</v>
      </c>
    </row>
    <row r="3689" spans="2:3" x14ac:dyDescent="0.25">
      <c r="B3689" s="21">
        <v>43865</v>
      </c>
      <c r="C3689" s="6">
        <v>13712976</v>
      </c>
    </row>
    <row r="3690" spans="2:3" x14ac:dyDescent="0.25">
      <c r="B3690" s="21">
        <v>43866</v>
      </c>
      <c r="C3690" s="6">
        <v>14033337</v>
      </c>
    </row>
    <row r="3691" spans="2:3" x14ac:dyDescent="0.25">
      <c r="B3691" s="21">
        <v>43867</v>
      </c>
      <c r="C3691" s="6">
        <v>14379987</v>
      </c>
    </row>
    <row r="3692" spans="2:3" x14ac:dyDescent="0.25">
      <c r="B3692" s="21">
        <v>43868</v>
      </c>
      <c r="C3692" s="6">
        <v>14047003</v>
      </c>
    </row>
    <row r="3693" spans="2:3" x14ac:dyDescent="0.25">
      <c r="B3693" s="21">
        <v>43869</v>
      </c>
      <c r="C3693" s="6">
        <v>12256565</v>
      </c>
    </row>
    <row r="3694" spans="2:3" x14ac:dyDescent="0.25">
      <c r="B3694" s="21">
        <v>43870</v>
      </c>
      <c r="C3694" s="6">
        <v>11888958</v>
      </c>
    </row>
    <row r="3695" spans="2:3" x14ac:dyDescent="0.25">
      <c r="B3695" s="21">
        <v>43871</v>
      </c>
      <c r="C3695" s="6">
        <v>13456158</v>
      </c>
    </row>
    <row r="3696" spans="2:3" x14ac:dyDescent="0.25">
      <c r="B3696" s="21">
        <v>43872</v>
      </c>
      <c r="C3696" s="6">
        <v>13898048</v>
      </c>
    </row>
    <row r="3697" spans="2:3" x14ac:dyDescent="0.25">
      <c r="B3697" s="21">
        <v>43873</v>
      </c>
      <c r="C3697" s="6">
        <v>14287634</v>
      </c>
    </row>
    <row r="3698" spans="2:3" x14ac:dyDescent="0.25">
      <c r="B3698" s="21">
        <v>43874</v>
      </c>
      <c r="C3698" s="6">
        <v>14135634</v>
      </c>
    </row>
    <row r="3699" spans="2:3" x14ac:dyDescent="0.25">
      <c r="B3699" s="21">
        <v>43875</v>
      </c>
      <c r="C3699" s="6">
        <v>13777946</v>
      </c>
    </row>
    <row r="3700" spans="2:3" x14ac:dyDescent="0.25">
      <c r="B3700" s="21">
        <v>43876</v>
      </c>
      <c r="C3700" s="6">
        <v>11843742</v>
      </c>
    </row>
    <row r="3701" spans="2:3" x14ac:dyDescent="0.25">
      <c r="B3701" s="21">
        <v>43877</v>
      </c>
      <c r="C3701" s="6">
        <v>11451322</v>
      </c>
    </row>
    <row r="3702" spans="2:3" x14ac:dyDescent="0.25">
      <c r="B3702" s="21">
        <v>43878</v>
      </c>
      <c r="C3702" s="6">
        <v>13362014</v>
      </c>
    </row>
    <row r="3703" spans="2:3" x14ac:dyDescent="0.25">
      <c r="B3703" s="21">
        <v>43879</v>
      </c>
      <c r="C3703" s="6">
        <v>13581933</v>
      </c>
    </row>
    <row r="3704" spans="2:3" x14ac:dyDescent="0.25">
      <c r="B3704" s="21">
        <v>43880</v>
      </c>
      <c r="C3704" s="6">
        <v>13910689</v>
      </c>
    </row>
    <row r="3705" spans="2:3" x14ac:dyDescent="0.25">
      <c r="B3705" s="21">
        <v>43881</v>
      </c>
      <c r="C3705" s="6">
        <v>13821144</v>
      </c>
    </row>
    <row r="3706" spans="2:3" x14ac:dyDescent="0.25">
      <c r="B3706" s="21">
        <v>43882</v>
      </c>
      <c r="C3706" s="6">
        <v>13600122</v>
      </c>
    </row>
    <row r="3707" spans="2:3" x14ac:dyDescent="0.25">
      <c r="B3707" s="21">
        <v>43883</v>
      </c>
      <c r="C3707" s="6">
        <v>11823507</v>
      </c>
    </row>
    <row r="3708" spans="2:3" x14ac:dyDescent="0.25">
      <c r="B3708" s="21">
        <v>43884</v>
      </c>
      <c r="C3708" s="6">
        <v>11270530</v>
      </c>
    </row>
    <row r="3709" spans="2:3" x14ac:dyDescent="0.25">
      <c r="B3709" s="21">
        <v>43885</v>
      </c>
      <c r="C3709" s="6">
        <v>13286045</v>
      </c>
    </row>
    <row r="3710" spans="2:3" x14ac:dyDescent="0.25">
      <c r="B3710" s="21">
        <v>43886</v>
      </c>
      <c r="C3710" s="6">
        <v>13508423</v>
      </c>
    </row>
    <row r="3711" spans="2:3" x14ac:dyDescent="0.25">
      <c r="B3711" s="21">
        <v>43887</v>
      </c>
      <c r="C3711" s="6">
        <v>13682636</v>
      </c>
    </row>
    <row r="3712" spans="2:3" x14ac:dyDescent="0.25">
      <c r="B3712" s="21">
        <v>43888</v>
      </c>
      <c r="C3712" s="6">
        <v>13801593</v>
      </c>
    </row>
    <row r="3713" spans="2:3" x14ac:dyDescent="0.25">
      <c r="B3713" s="21">
        <v>43889</v>
      </c>
      <c r="C3713" s="6">
        <v>13766211</v>
      </c>
    </row>
    <row r="3714" spans="2:3" x14ac:dyDescent="0.25">
      <c r="B3714" s="21">
        <v>43890</v>
      </c>
      <c r="C3714" s="6">
        <v>12048906</v>
      </c>
    </row>
    <row r="3715" spans="2:3" x14ac:dyDescent="0.25">
      <c r="B3715" s="21">
        <v>43891</v>
      </c>
      <c r="C3715" s="6">
        <v>11401441</v>
      </c>
    </row>
    <row r="3716" spans="2:3" x14ac:dyDescent="0.25">
      <c r="B3716" s="21">
        <v>43892</v>
      </c>
      <c r="C3716" s="6">
        <v>13248685</v>
      </c>
    </row>
    <row r="3717" spans="2:3" x14ac:dyDescent="0.25">
      <c r="B3717" s="21">
        <v>43893</v>
      </c>
      <c r="C3717" s="6">
        <v>13688145</v>
      </c>
    </row>
    <row r="3718" spans="2:3" x14ac:dyDescent="0.25">
      <c r="B3718" s="21">
        <v>43894</v>
      </c>
      <c r="C3718" s="6">
        <v>13665243</v>
      </c>
    </row>
    <row r="3719" spans="2:3" x14ac:dyDescent="0.25">
      <c r="B3719" s="21">
        <v>43895</v>
      </c>
      <c r="C3719" s="6">
        <v>13537624</v>
      </c>
    </row>
    <row r="3720" spans="2:3" x14ac:dyDescent="0.25">
      <c r="B3720" s="21">
        <v>43896</v>
      </c>
      <c r="C3720" s="6">
        <v>13420519</v>
      </c>
    </row>
    <row r="3721" spans="2:3" x14ac:dyDescent="0.25">
      <c r="B3721" s="21">
        <v>43897</v>
      </c>
      <c r="C3721" s="6">
        <v>11839025</v>
      </c>
    </row>
    <row r="3722" spans="2:3" x14ac:dyDescent="0.25">
      <c r="B3722" s="21">
        <v>43898</v>
      </c>
      <c r="C3722" s="6">
        <v>11450818</v>
      </c>
    </row>
    <row r="3723" spans="2:3" x14ac:dyDescent="0.25">
      <c r="B3723" s="21">
        <v>43899</v>
      </c>
      <c r="C3723" s="6">
        <v>13529868</v>
      </c>
    </row>
    <row r="3724" spans="2:3" x14ac:dyDescent="0.25">
      <c r="B3724" s="21">
        <v>43900</v>
      </c>
      <c r="C3724" s="6">
        <v>13534979</v>
      </c>
    </row>
    <row r="3725" spans="2:3" x14ac:dyDescent="0.25">
      <c r="B3725" s="21">
        <v>43901</v>
      </c>
      <c r="C3725" s="6">
        <v>13343174</v>
      </c>
    </row>
    <row r="3726" spans="2:3" x14ac:dyDescent="0.25">
      <c r="B3726" s="21">
        <v>43902</v>
      </c>
      <c r="C3726" s="6">
        <v>12891528</v>
      </c>
    </row>
    <row r="3727" spans="2:3" x14ac:dyDescent="0.25">
      <c r="B3727" s="21">
        <v>43903</v>
      </c>
      <c r="C3727" s="6">
        <v>12690653</v>
      </c>
    </row>
    <row r="3728" spans="2:3" x14ac:dyDescent="0.25">
      <c r="B3728" s="21">
        <v>43904</v>
      </c>
      <c r="C3728" s="6">
        <v>11253748</v>
      </c>
    </row>
    <row r="3729" spans="2:3" x14ac:dyDescent="0.25">
      <c r="B3729" s="21">
        <v>43905</v>
      </c>
      <c r="C3729" s="6">
        <v>11005871</v>
      </c>
    </row>
    <row r="3730" spans="2:3" x14ac:dyDescent="0.25">
      <c r="B3730" s="21">
        <v>43906</v>
      </c>
      <c r="C3730" s="6">
        <v>12639678</v>
      </c>
    </row>
    <row r="3731" spans="2:3" x14ac:dyDescent="0.25">
      <c r="B3731" s="21">
        <v>43907</v>
      </c>
      <c r="C3731" s="6">
        <v>12826003</v>
      </c>
    </row>
    <row r="3732" spans="2:3" x14ac:dyDescent="0.25">
      <c r="B3732" s="21">
        <v>43908</v>
      </c>
      <c r="C3732" s="6">
        <v>12504849</v>
      </c>
    </row>
    <row r="3733" spans="2:3" x14ac:dyDescent="0.25">
      <c r="B3733" s="21">
        <v>43909</v>
      </c>
      <c r="C3733" s="6">
        <v>12198879</v>
      </c>
    </row>
    <row r="3734" spans="2:3" x14ac:dyDescent="0.25">
      <c r="B3734" s="21">
        <v>43910</v>
      </c>
      <c r="C3734" s="6">
        <v>11851291</v>
      </c>
    </row>
    <row r="3735" spans="2:3" x14ac:dyDescent="0.25">
      <c r="B3735" s="21">
        <v>43911</v>
      </c>
      <c r="C3735" s="6">
        <v>10827858</v>
      </c>
    </row>
    <row r="3736" spans="2:3" x14ac:dyDescent="0.25">
      <c r="B3736" s="21">
        <v>43912</v>
      </c>
      <c r="C3736" s="6">
        <v>10868156</v>
      </c>
    </row>
    <row r="3737" spans="2:3" x14ac:dyDescent="0.25">
      <c r="B3737" s="21">
        <v>43913</v>
      </c>
      <c r="C3737" s="6">
        <v>12463400</v>
      </c>
    </row>
    <row r="3738" spans="2:3" x14ac:dyDescent="0.25">
      <c r="B3738" s="21">
        <v>43914</v>
      </c>
      <c r="C3738" s="6">
        <v>12650171</v>
      </c>
    </row>
    <row r="3739" spans="2:3" x14ac:dyDescent="0.25">
      <c r="B3739" s="21">
        <v>43915</v>
      </c>
      <c r="C3739" s="6">
        <v>12608164</v>
      </c>
    </row>
    <row r="3740" spans="2:3" x14ac:dyDescent="0.25">
      <c r="B3740" s="21">
        <v>43916</v>
      </c>
      <c r="C3740" s="6">
        <v>12431631</v>
      </c>
    </row>
    <row r="3741" spans="2:3" x14ac:dyDescent="0.25">
      <c r="B3741" s="21">
        <v>43917</v>
      </c>
      <c r="C3741" s="6">
        <v>11674672</v>
      </c>
    </row>
    <row r="3742" spans="2:3" x14ac:dyDescent="0.25">
      <c r="B3742" s="21">
        <v>43918</v>
      </c>
      <c r="C3742" s="6">
        <v>10068642</v>
      </c>
    </row>
    <row r="3743" spans="2:3" x14ac:dyDescent="0.25">
      <c r="B3743" s="21">
        <v>43919</v>
      </c>
      <c r="C3743" s="6">
        <v>9697847</v>
      </c>
    </row>
    <row r="3744" spans="2:3" x14ac:dyDescent="0.25">
      <c r="B3744" s="21">
        <v>43920</v>
      </c>
      <c r="C3744" s="6">
        <v>11827713</v>
      </c>
    </row>
    <row r="3745" spans="2:3" x14ac:dyDescent="0.25">
      <c r="B3745" s="21">
        <v>43921</v>
      </c>
      <c r="C3745" s="6">
        <v>12081173</v>
      </c>
    </row>
    <row r="3746" spans="2:3" x14ac:dyDescent="0.25">
      <c r="B3746" s="21">
        <v>43922</v>
      </c>
      <c r="C3746" s="6">
        <v>11832663</v>
      </c>
    </row>
    <row r="3747" spans="2:3" x14ac:dyDescent="0.25">
      <c r="B3747" s="21">
        <v>43923</v>
      </c>
      <c r="C3747" s="6">
        <v>11889555</v>
      </c>
    </row>
    <row r="3748" spans="2:3" x14ac:dyDescent="0.25">
      <c r="B3748" s="21">
        <v>43924</v>
      </c>
      <c r="C3748" s="6">
        <v>11704342</v>
      </c>
    </row>
    <row r="3749" spans="2:3" x14ac:dyDescent="0.25">
      <c r="B3749" s="21">
        <v>43925</v>
      </c>
      <c r="C3749" s="6">
        <v>10208159</v>
      </c>
    </row>
    <row r="3750" spans="2:3" x14ac:dyDescent="0.25">
      <c r="B3750" s="21">
        <v>43926</v>
      </c>
      <c r="C3750" s="6">
        <v>9686748</v>
      </c>
    </row>
    <row r="3751" spans="2:3" x14ac:dyDescent="0.25">
      <c r="B3751" s="21">
        <v>43927</v>
      </c>
      <c r="C3751" s="6">
        <v>10784337</v>
      </c>
    </row>
    <row r="3752" spans="2:3" x14ac:dyDescent="0.25">
      <c r="B3752" s="21">
        <v>43928</v>
      </c>
      <c r="C3752" s="6">
        <v>10870418</v>
      </c>
    </row>
    <row r="3753" spans="2:3" x14ac:dyDescent="0.25">
      <c r="B3753" s="21">
        <v>43929</v>
      </c>
      <c r="C3753" s="6">
        <v>10734860</v>
      </c>
    </row>
    <row r="3754" spans="2:3" x14ac:dyDescent="0.25">
      <c r="B3754" s="21">
        <v>43930</v>
      </c>
      <c r="C3754" s="6">
        <v>10490175</v>
      </c>
    </row>
    <row r="3755" spans="2:3" x14ac:dyDescent="0.25">
      <c r="B3755" s="21">
        <v>43931</v>
      </c>
      <c r="C3755" s="6">
        <v>9023570</v>
      </c>
    </row>
    <row r="3756" spans="2:3" x14ac:dyDescent="0.25">
      <c r="B3756" s="21">
        <v>43932</v>
      </c>
      <c r="C3756" s="6">
        <v>8793164</v>
      </c>
    </row>
    <row r="3757" spans="2:3" x14ac:dyDescent="0.25">
      <c r="B3757" s="21">
        <v>43933</v>
      </c>
      <c r="C3757" s="6">
        <v>8511166</v>
      </c>
    </row>
    <row r="3758" spans="2:3" x14ac:dyDescent="0.25">
      <c r="B3758" s="21">
        <v>43934</v>
      </c>
      <c r="C3758" s="6">
        <v>8603721</v>
      </c>
    </row>
    <row r="3759" spans="2:3" x14ac:dyDescent="0.25">
      <c r="B3759" s="21">
        <v>43935</v>
      </c>
      <c r="C3759" s="6">
        <v>10558503</v>
      </c>
    </row>
    <row r="3760" spans="2:3" x14ac:dyDescent="0.25">
      <c r="B3760" s="21">
        <v>43936</v>
      </c>
      <c r="C3760" s="6">
        <v>10852501</v>
      </c>
    </row>
    <row r="3761" spans="2:3" x14ac:dyDescent="0.25">
      <c r="B3761" s="21">
        <v>43937</v>
      </c>
      <c r="C3761" s="6">
        <v>10565038</v>
      </c>
    </row>
    <row r="3762" spans="2:3" x14ac:dyDescent="0.25">
      <c r="B3762" s="21">
        <v>43938</v>
      </c>
      <c r="C3762" s="6">
        <v>10219457</v>
      </c>
    </row>
    <row r="3763" spans="2:3" x14ac:dyDescent="0.25">
      <c r="B3763" s="21">
        <v>43939</v>
      </c>
      <c r="C3763" s="6">
        <v>8932462</v>
      </c>
    </row>
    <row r="3764" spans="2:3" x14ac:dyDescent="0.25">
      <c r="B3764" s="21">
        <v>43940</v>
      </c>
      <c r="C3764" s="6">
        <v>8826018</v>
      </c>
    </row>
    <row r="3765" spans="2:3" x14ac:dyDescent="0.25">
      <c r="B3765" s="21">
        <v>43941</v>
      </c>
      <c r="C3765" s="6">
        <v>10344368</v>
      </c>
    </row>
    <row r="3766" spans="2:3" x14ac:dyDescent="0.25">
      <c r="B3766" s="21">
        <v>43942</v>
      </c>
      <c r="C3766" s="6">
        <v>10544598</v>
      </c>
    </row>
    <row r="3767" spans="2:3" x14ac:dyDescent="0.25">
      <c r="B3767" s="21">
        <v>43943</v>
      </c>
      <c r="C3767" s="6">
        <v>10415036</v>
      </c>
    </row>
    <row r="3768" spans="2:3" x14ac:dyDescent="0.25">
      <c r="B3768" s="21">
        <v>43944</v>
      </c>
      <c r="C3768" s="6">
        <v>10366604</v>
      </c>
    </row>
    <row r="3769" spans="2:3" x14ac:dyDescent="0.25">
      <c r="B3769" s="21">
        <v>43945</v>
      </c>
      <c r="C3769" s="6">
        <v>10063818</v>
      </c>
    </row>
    <row r="3770" spans="2:3" x14ac:dyDescent="0.25">
      <c r="B3770" s="21">
        <v>43946</v>
      </c>
      <c r="C3770" s="6">
        <v>8938555</v>
      </c>
    </row>
    <row r="3771" spans="2:3" x14ac:dyDescent="0.25">
      <c r="B3771" s="21">
        <v>43947</v>
      </c>
      <c r="C3771" s="6">
        <v>8922919</v>
      </c>
    </row>
    <row r="3772" spans="2:3" x14ac:dyDescent="0.25">
      <c r="B3772" s="21">
        <v>43948</v>
      </c>
      <c r="C3772" s="6">
        <v>10400810</v>
      </c>
    </row>
    <row r="3773" spans="2:3" x14ac:dyDescent="0.25">
      <c r="B3773" s="21">
        <v>43949</v>
      </c>
      <c r="C3773" s="6">
        <v>10388373</v>
      </c>
    </row>
    <row r="3774" spans="2:3" x14ac:dyDescent="0.25">
      <c r="B3774" s="21">
        <v>43950</v>
      </c>
      <c r="C3774" s="6">
        <v>10457432</v>
      </c>
    </row>
    <row r="3775" spans="2:3" x14ac:dyDescent="0.25">
      <c r="B3775" s="21">
        <v>43951</v>
      </c>
      <c r="C3775" s="6">
        <v>9926550</v>
      </c>
    </row>
    <row r="3776" spans="2:3" x14ac:dyDescent="0.25">
      <c r="B3776" s="21">
        <v>43952</v>
      </c>
      <c r="C3776" s="6">
        <v>8500566</v>
      </c>
    </row>
    <row r="3777" spans="2:3" x14ac:dyDescent="0.25">
      <c r="B3777" s="21">
        <v>43953</v>
      </c>
      <c r="C3777" s="6">
        <v>8387259</v>
      </c>
    </row>
    <row r="3778" spans="2:3" x14ac:dyDescent="0.25">
      <c r="B3778" s="21">
        <v>43954</v>
      </c>
      <c r="C3778" s="6">
        <v>8533094</v>
      </c>
    </row>
    <row r="3779" spans="2:3" x14ac:dyDescent="0.25">
      <c r="B3779" s="21">
        <v>43955</v>
      </c>
      <c r="C3779" s="6">
        <v>10348524</v>
      </c>
    </row>
    <row r="3780" spans="2:3" x14ac:dyDescent="0.25">
      <c r="B3780" s="21">
        <v>43956</v>
      </c>
      <c r="C3780" s="6">
        <v>10691814</v>
      </c>
    </row>
    <row r="3781" spans="2:3" x14ac:dyDescent="0.25">
      <c r="B3781" s="21">
        <v>43957</v>
      </c>
      <c r="C3781" s="6">
        <v>10874671</v>
      </c>
    </row>
    <row r="3782" spans="2:3" x14ac:dyDescent="0.25">
      <c r="B3782" s="21">
        <v>43958</v>
      </c>
      <c r="C3782" s="6">
        <v>10325644</v>
      </c>
    </row>
    <row r="3783" spans="2:3" x14ac:dyDescent="0.25">
      <c r="B3783" s="21">
        <v>43959</v>
      </c>
      <c r="C3783" s="6">
        <v>8732627</v>
      </c>
    </row>
    <row r="3784" spans="2:3" x14ac:dyDescent="0.25">
      <c r="B3784" s="21">
        <v>43960</v>
      </c>
      <c r="C3784" s="6">
        <v>8407047</v>
      </c>
    </row>
    <row r="3785" spans="2:3" x14ac:dyDescent="0.25">
      <c r="B3785" s="21">
        <v>43961</v>
      </c>
      <c r="C3785" s="6">
        <v>8440152</v>
      </c>
    </row>
    <row r="3786" spans="2:3" x14ac:dyDescent="0.25">
      <c r="B3786" s="21">
        <v>43962</v>
      </c>
      <c r="C3786" s="6">
        <v>10458520</v>
      </c>
    </row>
    <row r="3787" spans="2:3" x14ac:dyDescent="0.25">
      <c r="B3787" s="21">
        <v>43963</v>
      </c>
      <c r="C3787" s="6">
        <v>10847509</v>
      </c>
    </row>
    <row r="3788" spans="2:3" x14ac:dyDescent="0.25">
      <c r="B3788" s="21">
        <v>43964</v>
      </c>
      <c r="C3788" s="6">
        <v>10968091</v>
      </c>
    </row>
    <row r="3789" spans="2:3" x14ac:dyDescent="0.25">
      <c r="B3789" s="21">
        <v>43965</v>
      </c>
      <c r="C3789" s="6">
        <v>10889807</v>
      </c>
    </row>
    <row r="3790" spans="2:3" x14ac:dyDescent="0.25">
      <c r="B3790" s="21">
        <v>43966</v>
      </c>
      <c r="C3790" s="6">
        <v>10628704</v>
      </c>
    </row>
    <row r="3791" spans="2:3" x14ac:dyDescent="0.25">
      <c r="B3791" s="21">
        <v>43967</v>
      </c>
      <c r="C3791" s="6">
        <v>8950824</v>
      </c>
    </row>
    <row r="3792" spans="2:3" x14ac:dyDescent="0.25">
      <c r="B3792" s="21">
        <v>43968</v>
      </c>
      <c r="C3792" s="6">
        <v>8692775</v>
      </c>
    </row>
    <row r="3793" spans="2:3" x14ac:dyDescent="0.25">
      <c r="B3793" s="21">
        <v>43969</v>
      </c>
      <c r="C3793" s="6">
        <v>10363379</v>
      </c>
    </row>
    <row r="3794" spans="2:3" x14ac:dyDescent="0.25">
      <c r="B3794" s="21">
        <v>43970</v>
      </c>
      <c r="C3794" s="6">
        <v>10502531</v>
      </c>
    </row>
    <row r="3795" spans="2:3" x14ac:dyDescent="0.25">
      <c r="B3795" s="21">
        <v>43971</v>
      </c>
      <c r="C3795" s="6">
        <v>10444346</v>
      </c>
    </row>
    <row r="3796" spans="2:3" x14ac:dyDescent="0.25">
      <c r="B3796" s="21">
        <v>43972</v>
      </c>
      <c r="C3796" s="6">
        <v>10304192</v>
      </c>
    </row>
    <row r="3797" spans="2:3" x14ac:dyDescent="0.25">
      <c r="B3797" s="21">
        <v>43973</v>
      </c>
      <c r="C3797" s="6">
        <v>10018014</v>
      </c>
    </row>
    <row r="3798" spans="2:3" x14ac:dyDescent="0.25">
      <c r="B3798" s="21">
        <v>43974</v>
      </c>
      <c r="C3798" s="6">
        <v>8884118</v>
      </c>
    </row>
    <row r="3799" spans="2:3" x14ac:dyDescent="0.25">
      <c r="B3799" s="21">
        <v>43975</v>
      </c>
      <c r="C3799" s="6">
        <v>8630607</v>
      </c>
    </row>
    <row r="3800" spans="2:3" x14ac:dyDescent="0.25">
      <c r="B3800" s="21">
        <v>43976</v>
      </c>
      <c r="C3800" s="6">
        <v>10557147</v>
      </c>
    </row>
    <row r="3801" spans="2:3" x14ac:dyDescent="0.25">
      <c r="B3801" s="21">
        <v>43977</v>
      </c>
      <c r="C3801" s="6">
        <v>10777531</v>
      </c>
    </row>
    <row r="3802" spans="2:3" x14ac:dyDescent="0.25">
      <c r="B3802" s="21">
        <v>43978</v>
      </c>
      <c r="C3802" s="6">
        <v>10675051</v>
      </c>
    </row>
    <row r="3803" spans="2:3" x14ac:dyDescent="0.25">
      <c r="B3803" s="21">
        <v>43979</v>
      </c>
      <c r="C3803" s="6">
        <v>10726786</v>
      </c>
    </row>
    <row r="3804" spans="2:3" x14ac:dyDescent="0.25">
      <c r="B3804" s="21">
        <v>43980</v>
      </c>
      <c r="C3804" s="6">
        <v>10284074</v>
      </c>
    </row>
    <row r="3805" spans="2:3" x14ac:dyDescent="0.25">
      <c r="B3805" s="21">
        <v>43981</v>
      </c>
      <c r="C3805" s="6">
        <v>8878501</v>
      </c>
    </row>
    <row r="3806" spans="2:3" x14ac:dyDescent="0.25">
      <c r="B3806" s="21">
        <v>43982</v>
      </c>
      <c r="C3806" s="6">
        <v>8951470</v>
      </c>
    </row>
    <row r="3807" spans="2:3" x14ac:dyDescent="0.25">
      <c r="B3807" s="21">
        <v>43983</v>
      </c>
      <c r="C3807" s="6">
        <v>10467547</v>
      </c>
    </row>
    <row r="3808" spans="2:3" x14ac:dyDescent="0.25">
      <c r="B3808" s="21">
        <v>43984</v>
      </c>
      <c r="C3808" s="6">
        <v>10680576</v>
      </c>
    </row>
    <row r="3809" spans="2:3" x14ac:dyDescent="0.25">
      <c r="B3809" s="21">
        <v>43985</v>
      </c>
      <c r="C3809" s="6">
        <v>10735103</v>
      </c>
    </row>
    <row r="3810" spans="2:3" x14ac:dyDescent="0.25">
      <c r="B3810" s="21">
        <v>43986</v>
      </c>
      <c r="C3810" s="6">
        <v>10660298</v>
      </c>
    </row>
    <row r="3811" spans="2:3" x14ac:dyDescent="0.25">
      <c r="B3811" s="21">
        <v>43987</v>
      </c>
      <c r="C3811" s="6">
        <v>10334874</v>
      </c>
    </row>
    <row r="3812" spans="2:3" x14ac:dyDescent="0.25">
      <c r="B3812" s="21">
        <v>43988</v>
      </c>
      <c r="C3812" s="6">
        <v>8842858</v>
      </c>
    </row>
    <row r="3813" spans="2:3" x14ac:dyDescent="0.25">
      <c r="B3813" s="21">
        <v>43989</v>
      </c>
      <c r="C3813" s="6">
        <v>8729653</v>
      </c>
    </row>
    <row r="3814" spans="2:3" x14ac:dyDescent="0.25">
      <c r="B3814" s="21">
        <v>43990</v>
      </c>
      <c r="C3814" s="6">
        <v>10616398</v>
      </c>
    </row>
    <row r="3815" spans="2:3" x14ac:dyDescent="0.25">
      <c r="B3815" s="21">
        <v>43991</v>
      </c>
      <c r="C3815" s="6">
        <v>10804917</v>
      </c>
    </row>
    <row r="3816" spans="2:3" x14ac:dyDescent="0.25">
      <c r="B3816" s="21">
        <v>43992</v>
      </c>
      <c r="C3816" s="6">
        <v>10997004</v>
      </c>
    </row>
    <row r="3817" spans="2:3" x14ac:dyDescent="0.25">
      <c r="B3817" s="21">
        <v>43993</v>
      </c>
      <c r="C3817" s="6">
        <v>10677206</v>
      </c>
    </row>
    <row r="3818" spans="2:3" x14ac:dyDescent="0.25">
      <c r="B3818" s="21">
        <v>43994</v>
      </c>
      <c r="C3818" s="6">
        <v>10324109</v>
      </c>
    </row>
    <row r="3819" spans="2:3" x14ac:dyDescent="0.25">
      <c r="B3819" s="21">
        <v>43995</v>
      </c>
      <c r="C3819" s="6">
        <v>8845267</v>
      </c>
    </row>
    <row r="3820" spans="2:3" x14ac:dyDescent="0.25">
      <c r="B3820" s="21">
        <v>43996</v>
      </c>
      <c r="C3820" s="6">
        <v>8643001</v>
      </c>
    </row>
    <row r="3821" spans="2:3" x14ac:dyDescent="0.25">
      <c r="B3821" s="21">
        <v>43997</v>
      </c>
      <c r="C3821" s="6">
        <v>10467508</v>
      </c>
    </row>
    <row r="3822" spans="2:3" x14ac:dyDescent="0.25">
      <c r="B3822" s="21">
        <v>43998</v>
      </c>
      <c r="C3822" s="6">
        <v>10562144</v>
      </c>
    </row>
    <row r="3823" spans="2:3" x14ac:dyDescent="0.25">
      <c r="B3823" s="21">
        <v>43999</v>
      </c>
      <c r="C3823" s="6">
        <v>10679580</v>
      </c>
    </row>
    <row r="3824" spans="2:3" x14ac:dyDescent="0.25">
      <c r="B3824" s="21">
        <v>44000</v>
      </c>
      <c r="C3824" s="6">
        <v>10811254</v>
      </c>
    </row>
    <row r="3825" spans="2:3" x14ac:dyDescent="0.25">
      <c r="B3825" s="21">
        <v>44001</v>
      </c>
      <c r="C3825" s="6">
        <v>10458884</v>
      </c>
    </row>
    <row r="3826" spans="2:3" x14ac:dyDescent="0.25">
      <c r="B3826" s="21">
        <v>44002</v>
      </c>
      <c r="C3826" s="6">
        <v>8932895</v>
      </c>
    </row>
    <row r="3827" spans="2:3" x14ac:dyDescent="0.25">
      <c r="B3827" s="21">
        <v>44003</v>
      </c>
      <c r="C3827" s="6">
        <v>8710678</v>
      </c>
    </row>
    <row r="3828" spans="2:3" x14ac:dyDescent="0.25">
      <c r="B3828" s="21">
        <v>44004</v>
      </c>
      <c r="C3828" s="6">
        <v>10579738</v>
      </c>
    </row>
    <row r="3829" spans="2:3" x14ac:dyDescent="0.25">
      <c r="B3829" s="21">
        <v>44005</v>
      </c>
      <c r="C3829" s="6">
        <v>10735199</v>
      </c>
    </row>
    <row r="3830" spans="2:3" x14ac:dyDescent="0.25">
      <c r="B3830" s="21">
        <v>44006</v>
      </c>
      <c r="C3830" s="6">
        <v>10786128</v>
      </c>
    </row>
    <row r="3831" spans="2:3" x14ac:dyDescent="0.25">
      <c r="B3831" s="21">
        <v>44007</v>
      </c>
      <c r="C3831" s="6">
        <v>10650919</v>
      </c>
    </row>
    <row r="3832" spans="2:3" x14ac:dyDescent="0.25">
      <c r="B3832" s="21">
        <v>44008</v>
      </c>
      <c r="C3832" s="6">
        <v>10295309</v>
      </c>
    </row>
    <row r="3833" spans="2:3" x14ac:dyDescent="0.25">
      <c r="B3833" s="21">
        <v>44009</v>
      </c>
      <c r="C3833" s="6">
        <v>8842128</v>
      </c>
    </row>
    <row r="3834" spans="2:3" x14ac:dyDescent="0.25">
      <c r="B3834" s="21">
        <v>44010</v>
      </c>
      <c r="C3834" s="6">
        <v>8802372</v>
      </c>
    </row>
    <row r="3835" spans="2:3" x14ac:dyDescent="0.25">
      <c r="B3835" s="21">
        <v>44011</v>
      </c>
      <c r="C3835" s="6">
        <v>10655624</v>
      </c>
    </row>
    <row r="3836" spans="2:3" x14ac:dyDescent="0.25">
      <c r="B3836" s="21">
        <v>44012</v>
      </c>
      <c r="C3836" s="6">
        <v>10674392</v>
      </c>
    </row>
    <row r="3837" spans="2:3" x14ac:dyDescent="0.25">
      <c r="B3837" s="21">
        <v>44013</v>
      </c>
      <c r="C3837" s="6">
        <v>10892933</v>
      </c>
    </row>
    <row r="3838" spans="2:3" x14ac:dyDescent="0.25">
      <c r="B3838" s="21">
        <v>44014</v>
      </c>
      <c r="C3838" s="6">
        <v>10925113</v>
      </c>
    </row>
    <row r="3839" spans="2:3" x14ac:dyDescent="0.25">
      <c r="B3839" s="21">
        <v>44015</v>
      </c>
      <c r="C3839" s="6">
        <v>10393075</v>
      </c>
    </row>
    <row r="3840" spans="2:3" x14ac:dyDescent="0.25">
      <c r="B3840" s="21">
        <v>44016</v>
      </c>
      <c r="C3840" s="6">
        <v>8664135</v>
      </c>
    </row>
    <row r="3841" spans="2:3" x14ac:dyDescent="0.25">
      <c r="B3841" s="21">
        <v>44017</v>
      </c>
      <c r="C3841" s="6">
        <v>8290825</v>
      </c>
    </row>
    <row r="3842" spans="2:3" x14ac:dyDescent="0.25">
      <c r="B3842" s="21">
        <v>44018</v>
      </c>
      <c r="C3842" s="6">
        <v>8646479</v>
      </c>
    </row>
    <row r="3843" spans="2:3" x14ac:dyDescent="0.25">
      <c r="B3843" s="21">
        <v>44019</v>
      </c>
      <c r="C3843" s="6">
        <v>10096763</v>
      </c>
    </row>
    <row r="3844" spans="2:3" x14ac:dyDescent="0.25">
      <c r="B3844" s="21">
        <v>44020</v>
      </c>
      <c r="C3844" s="6">
        <v>10353423</v>
      </c>
    </row>
    <row r="3845" spans="2:3" x14ac:dyDescent="0.25">
      <c r="B3845" s="21">
        <v>44021</v>
      </c>
      <c r="C3845" s="6">
        <v>10486217</v>
      </c>
    </row>
    <row r="3846" spans="2:3" x14ac:dyDescent="0.25">
      <c r="B3846" s="21">
        <v>44022</v>
      </c>
      <c r="C3846" s="6">
        <v>10381474</v>
      </c>
    </row>
    <row r="3847" spans="2:3" x14ac:dyDescent="0.25">
      <c r="B3847" s="21">
        <v>44023</v>
      </c>
      <c r="C3847" s="6">
        <v>8844480</v>
      </c>
    </row>
    <row r="3848" spans="2:3" x14ac:dyDescent="0.25">
      <c r="B3848" s="21">
        <v>44024</v>
      </c>
      <c r="C3848" s="6">
        <v>8501151</v>
      </c>
    </row>
    <row r="3849" spans="2:3" x14ac:dyDescent="0.25">
      <c r="B3849" s="21">
        <v>44025</v>
      </c>
      <c r="C3849" s="6">
        <v>10308627</v>
      </c>
    </row>
    <row r="3850" spans="2:3" x14ac:dyDescent="0.25">
      <c r="B3850" s="21">
        <v>44026</v>
      </c>
      <c r="C3850" s="6">
        <v>10556271</v>
      </c>
    </row>
    <row r="3851" spans="2:3" x14ac:dyDescent="0.25">
      <c r="B3851" s="21">
        <v>44027</v>
      </c>
      <c r="C3851" s="6">
        <v>10576967</v>
      </c>
    </row>
    <row r="3852" spans="2:3" x14ac:dyDescent="0.25">
      <c r="B3852" s="21">
        <v>44028</v>
      </c>
      <c r="C3852" s="6">
        <v>10594990</v>
      </c>
    </row>
    <row r="3853" spans="2:3" x14ac:dyDescent="0.25">
      <c r="B3853" s="21">
        <v>44029</v>
      </c>
      <c r="C3853" s="6">
        <v>10303063</v>
      </c>
    </row>
    <row r="3854" spans="2:3" x14ac:dyDescent="0.25">
      <c r="B3854" s="21">
        <v>44030</v>
      </c>
      <c r="C3854" s="6">
        <v>8811262</v>
      </c>
    </row>
    <row r="3855" spans="2:3" x14ac:dyDescent="0.25">
      <c r="B3855" s="21">
        <v>44031</v>
      </c>
      <c r="C3855" s="6">
        <v>8632045</v>
      </c>
    </row>
    <row r="3856" spans="2:3" x14ac:dyDescent="0.25">
      <c r="B3856" s="21">
        <v>44032</v>
      </c>
      <c r="C3856" s="6">
        <v>10423283</v>
      </c>
    </row>
    <row r="3857" spans="2:3" x14ac:dyDescent="0.25">
      <c r="B3857" s="21">
        <v>44033</v>
      </c>
      <c r="C3857" s="6">
        <v>10509074</v>
      </c>
    </row>
    <row r="3858" spans="2:3" x14ac:dyDescent="0.25">
      <c r="B3858" s="21">
        <v>44034</v>
      </c>
      <c r="C3858" s="6">
        <v>10481963</v>
      </c>
    </row>
    <row r="3859" spans="2:3" x14ac:dyDescent="0.25">
      <c r="B3859" s="21">
        <v>44035</v>
      </c>
      <c r="C3859" s="6">
        <v>10504394</v>
      </c>
    </row>
    <row r="3860" spans="2:3" x14ac:dyDescent="0.25">
      <c r="B3860" s="21">
        <v>44036</v>
      </c>
      <c r="C3860" s="6">
        <v>10183310</v>
      </c>
    </row>
    <row r="3861" spans="2:3" x14ac:dyDescent="0.25">
      <c r="B3861" s="21">
        <v>44037</v>
      </c>
      <c r="C3861" s="6">
        <v>8732170</v>
      </c>
    </row>
    <row r="3862" spans="2:3" x14ac:dyDescent="0.25">
      <c r="B3862" s="21">
        <v>44038</v>
      </c>
      <c r="C3862" s="6">
        <v>8529982</v>
      </c>
    </row>
    <row r="3863" spans="2:3" x14ac:dyDescent="0.25">
      <c r="B3863" s="21">
        <v>44039</v>
      </c>
      <c r="C3863" s="6">
        <v>9906039</v>
      </c>
    </row>
    <row r="3864" spans="2:3" x14ac:dyDescent="0.25">
      <c r="B3864" s="21">
        <v>44040</v>
      </c>
      <c r="C3864" s="6">
        <v>10172282</v>
      </c>
    </row>
    <row r="3865" spans="2:3" x14ac:dyDescent="0.25">
      <c r="B3865" s="21">
        <v>44041</v>
      </c>
      <c r="C3865" s="6">
        <v>10116123</v>
      </c>
    </row>
    <row r="3866" spans="2:3" x14ac:dyDescent="0.25">
      <c r="B3866" s="21">
        <v>44042</v>
      </c>
      <c r="C3866" s="6">
        <v>10043588</v>
      </c>
    </row>
    <row r="3867" spans="2:3" x14ac:dyDescent="0.25">
      <c r="B3867" s="21">
        <v>44043</v>
      </c>
      <c r="C3867" s="6">
        <v>9772920</v>
      </c>
    </row>
    <row r="3868" spans="2:3" x14ac:dyDescent="0.25">
      <c r="B3868" s="21">
        <v>44044</v>
      </c>
      <c r="C3868" s="6">
        <v>8578843</v>
      </c>
    </row>
    <row r="3869" spans="2:3" x14ac:dyDescent="0.25">
      <c r="B3869" s="21">
        <v>44045</v>
      </c>
      <c r="C3869" s="6">
        <v>8509522</v>
      </c>
    </row>
    <row r="3870" spans="2:3" x14ac:dyDescent="0.25">
      <c r="B3870" s="21">
        <v>44046</v>
      </c>
      <c r="C3870" s="6">
        <v>9909125</v>
      </c>
    </row>
    <row r="3871" spans="2:3" x14ac:dyDescent="0.25">
      <c r="B3871" s="21">
        <v>44047</v>
      </c>
      <c r="C3871" s="6">
        <v>9983071</v>
      </c>
    </row>
    <row r="3872" spans="2:3" x14ac:dyDescent="0.25">
      <c r="B3872" s="21">
        <v>44048</v>
      </c>
      <c r="C3872" s="6">
        <v>9903519</v>
      </c>
    </row>
    <row r="3873" spans="2:3" x14ac:dyDescent="0.25">
      <c r="B3873" s="21">
        <v>44049</v>
      </c>
      <c r="C3873" s="6">
        <v>9986421</v>
      </c>
    </row>
    <row r="3874" spans="2:3" x14ac:dyDescent="0.25">
      <c r="B3874" s="21">
        <v>44050</v>
      </c>
      <c r="C3874" s="6">
        <v>9989504</v>
      </c>
    </row>
    <row r="3875" spans="2:3" x14ac:dyDescent="0.25">
      <c r="B3875" s="21">
        <v>44051</v>
      </c>
      <c r="C3875" s="6">
        <v>8931831</v>
      </c>
    </row>
    <row r="3876" spans="2:3" x14ac:dyDescent="0.25">
      <c r="B3876" s="21">
        <v>44052</v>
      </c>
      <c r="C3876" s="6">
        <v>8906464</v>
      </c>
    </row>
    <row r="3877" spans="2:3" x14ac:dyDescent="0.25">
      <c r="B3877" s="21">
        <v>44053</v>
      </c>
      <c r="C3877" s="6">
        <v>10816088</v>
      </c>
    </row>
    <row r="3878" spans="2:3" x14ac:dyDescent="0.25">
      <c r="B3878" s="21">
        <v>44054</v>
      </c>
      <c r="C3878" s="6">
        <v>11014929</v>
      </c>
    </row>
    <row r="3879" spans="2:3" x14ac:dyDescent="0.25">
      <c r="B3879" s="21">
        <v>44055</v>
      </c>
      <c r="C3879" s="6">
        <v>11047106</v>
      </c>
    </row>
    <row r="3880" spans="2:3" x14ac:dyDescent="0.25">
      <c r="B3880" s="21">
        <v>44056</v>
      </c>
      <c r="C3880" s="6">
        <v>10962607</v>
      </c>
    </row>
    <row r="3881" spans="2:3" x14ac:dyDescent="0.25">
      <c r="B3881" s="21">
        <v>44057</v>
      </c>
      <c r="C3881" s="6">
        <v>10698972</v>
      </c>
    </row>
    <row r="3882" spans="2:3" x14ac:dyDescent="0.25">
      <c r="B3882" s="21">
        <v>44058</v>
      </c>
      <c r="C3882" s="6">
        <v>9038729</v>
      </c>
    </row>
    <row r="3883" spans="2:3" x14ac:dyDescent="0.25">
      <c r="B3883" s="21">
        <v>44059</v>
      </c>
      <c r="C3883" s="6">
        <v>8885865</v>
      </c>
    </row>
    <row r="3884" spans="2:3" x14ac:dyDescent="0.25">
      <c r="B3884" s="21">
        <v>44060</v>
      </c>
      <c r="C3884" s="6">
        <v>10799036</v>
      </c>
    </row>
    <row r="3885" spans="2:3" x14ac:dyDescent="0.25">
      <c r="B3885" s="21">
        <v>44061</v>
      </c>
      <c r="C3885" s="6">
        <v>11058015</v>
      </c>
    </row>
    <row r="3886" spans="2:3" x14ac:dyDescent="0.25">
      <c r="B3886" s="21">
        <v>44062</v>
      </c>
      <c r="C3886" s="6">
        <v>10986983</v>
      </c>
    </row>
    <row r="3887" spans="2:3" x14ac:dyDescent="0.25">
      <c r="B3887" s="21">
        <v>44063</v>
      </c>
      <c r="C3887" s="6">
        <v>11172196</v>
      </c>
    </row>
    <row r="3888" spans="2:3" x14ac:dyDescent="0.25">
      <c r="B3888" s="21">
        <v>44064</v>
      </c>
      <c r="C3888" s="6">
        <v>10974286</v>
      </c>
    </row>
    <row r="3889" spans="2:3" x14ac:dyDescent="0.25">
      <c r="B3889" s="21">
        <v>44065</v>
      </c>
      <c r="C3889" s="6">
        <v>9414504</v>
      </c>
    </row>
    <row r="3890" spans="2:3" x14ac:dyDescent="0.25">
      <c r="B3890" s="21">
        <v>44066</v>
      </c>
      <c r="C3890" s="6">
        <v>9111197</v>
      </c>
    </row>
    <row r="3891" spans="2:3" x14ac:dyDescent="0.25">
      <c r="B3891" s="21">
        <v>44067</v>
      </c>
      <c r="C3891" s="6">
        <v>10931391</v>
      </c>
    </row>
    <row r="3892" spans="2:3" x14ac:dyDescent="0.25">
      <c r="B3892" s="21">
        <v>44068</v>
      </c>
      <c r="C3892" s="6">
        <v>11145037</v>
      </c>
    </row>
    <row r="3893" spans="2:3" x14ac:dyDescent="0.25">
      <c r="B3893" s="21">
        <v>44069</v>
      </c>
      <c r="C3893" s="6">
        <v>11246766</v>
      </c>
    </row>
    <row r="3894" spans="2:3" x14ac:dyDescent="0.25">
      <c r="B3894" s="21">
        <v>44070</v>
      </c>
      <c r="C3894" s="6">
        <v>11207802</v>
      </c>
    </row>
    <row r="3895" spans="2:3" x14ac:dyDescent="0.25">
      <c r="B3895" s="21">
        <v>44071</v>
      </c>
      <c r="C3895" s="6">
        <v>11035227</v>
      </c>
    </row>
    <row r="3896" spans="2:3" x14ac:dyDescent="0.25">
      <c r="B3896" s="21">
        <v>44072</v>
      </c>
      <c r="C3896" s="6">
        <v>9450046</v>
      </c>
    </row>
    <row r="3897" spans="2:3" x14ac:dyDescent="0.25">
      <c r="B3897" s="21">
        <v>44073</v>
      </c>
      <c r="C3897" s="6">
        <v>9189293</v>
      </c>
    </row>
    <row r="3898" spans="2:3" x14ac:dyDescent="0.25">
      <c r="B3898" s="21">
        <v>44074</v>
      </c>
      <c r="C3898" s="6">
        <v>10968230</v>
      </c>
    </row>
    <row r="3899" spans="2:3" x14ac:dyDescent="0.25">
      <c r="B3899" s="21">
        <v>44075</v>
      </c>
      <c r="C3899" s="6">
        <v>11178292</v>
      </c>
    </row>
    <row r="3900" spans="2:3" x14ac:dyDescent="0.25">
      <c r="B3900" s="21">
        <v>44076</v>
      </c>
      <c r="C3900" s="6">
        <v>11113189</v>
      </c>
    </row>
    <row r="3901" spans="2:3" x14ac:dyDescent="0.25">
      <c r="B3901" s="21">
        <v>44077</v>
      </c>
      <c r="C3901" s="6">
        <v>11198537</v>
      </c>
    </row>
    <row r="3902" spans="2:3" x14ac:dyDescent="0.25">
      <c r="B3902" s="21">
        <v>44078</v>
      </c>
      <c r="C3902" s="6">
        <v>11007655</v>
      </c>
    </row>
    <row r="3903" spans="2:3" x14ac:dyDescent="0.25">
      <c r="B3903" s="21">
        <v>44079</v>
      </c>
      <c r="C3903" s="6">
        <v>9525071</v>
      </c>
    </row>
    <row r="3904" spans="2:3" x14ac:dyDescent="0.25">
      <c r="B3904" s="21">
        <v>44080</v>
      </c>
      <c r="C3904" s="6">
        <v>9330096</v>
      </c>
    </row>
    <row r="3905" spans="2:3" x14ac:dyDescent="0.25">
      <c r="B3905" s="21">
        <v>44081</v>
      </c>
      <c r="C3905" s="6">
        <v>11205153</v>
      </c>
    </row>
    <row r="3906" spans="2:3" x14ac:dyDescent="0.25">
      <c r="B3906" s="21">
        <v>44082</v>
      </c>
      <c r="C3906" s="6">
        <v>11376375</v>
      </c>
    </row>
    <row r="3907" spans="2:3" x14ac:dyDescent="0.25">
      <c r="B3907" s="21">
        <v>44083</v>
      </c>
      <c r="C3907" s="6">
        <v>11434330</v>
      </c>
    </row>
    <row r="3908" spans="2:3" x14ac:dyDescent="0.25">
      <c r="B3908" s="21">
        <v>44084</v>
      </c>
      <c r="C3908" s="6">
        <v>11430932</v>
      </c>
    </row>
    <row r="3909" spans="2:3" x14ac:dyDescent="0.25">
      <c r="B3909" s="21">
        <v>44085</v>
      </c>
      <c r="C3909" s="6">
        <v>11165096</v>
      </c>
    </row>
    <row r="3910" spans="2:3" x14ac:dyDescent="0.25">
      <c r="B3910" s="21">
        <v>44086</v>
      </c>
      <c r="C3910" s="6">
        <v>9697072</v>
      </c>
    </row>
    <row r="3911" spans="2:3" x14ac:dyDescent="0.25">
      <c r="B3911" s="21">
        <v>44087</v>
      </c>
      <c r="C3911" s="6">
        <v>9469776</v>
      </c>
    </row>
    <row r="3912" spans="2:3" x14ac:dyDescent="0.25">
      <c r="B3912" s="21">
        <v>44088</v>
      </c>
      <c r="C3912" s="6">
        <v>11309035</v>
      </c>
    </row>
    <row r="3913" spans="2:3" x14ac:dyDescent="0.25">
      <c r="B3913" s="21">
        <v>44089</v>
      </c>
      <c r="C3913" s="6">
        <v>11565940</v>
      </c>
    </row>
    <row r="3914" spans="2:3" x14ac:dyDescent="0.25">
      <c r="B3914" s="21">
        <v>44090</v>
      </c>
      <c r="C3914" s="6">
        <v>11652576</v>
      </c>
    </row>
    <row r="3915" spans="2:3" x14ac:dyDescent="0.25">
      <c r="B3915" s="21">
        <v>44091</v>
      </c>
      <c r="C3915" s="6">
        <v>11529235</v>
      </c>
    </row>
    <row r="3916" spans="2:3" x14ac:dyDescent="0.25">
      <c r="B3916" s="21">
        <v>44092</v>
      </c>
      <c r="C3916" s="6">
        <v>11136522</v>
      </c>
    </row>
    <row r="3917" spans="2:3" x14ac:dyDescent="0.25">
      <c r="B3917" s="21">
        <v>44093</v>
      </c>
      <c r="C3917" s="6">
        <v>9787792</v>
      </c>
    </row>
    <row r="3918" spans="2:3" x14ac:dyDescent="0.25">
      <c r="B3918" s="21">
        <v>44094</v>
      </c>
      <c r="C3918" s="6">
        <v>9522732</v>
      </c>
    </row>
    <row r="3919" spans="2:3" x14ac:dyDescent="0.25">
      <c r="B3919" s="21">
        <v>44095</v>
      </c>
      <c r="C3919" s="6">
        <v>11431701</v>
      </c>
    </row>
    <row r="3920" spans="2:3" x14ac:dyDescent="0.25">
      <c r="B3920" s="21">
        <v>44096</v>
      </c>
      <c r="C3920" s="6">
        <v>11679931</v>
      </c>
    </row>
    <row r="3921" spans="2:3" x14ac:dyDescent="0.25">
      <c r="B3921" s="21">
        <v>44097</v>
      </c>
      <c r="C3921" s="6">
        <v>11860098</v>
      </c>
    </row>
    <row r="3922" spans="2:3" x14ac:dyDescent="0.25">
      <c r="B3922" s="21">
        <v>44098</v>
      </c>
      <c r="C3922" s="6">
        <v>11787734</v>
      </c>
    </row>
    <row r="3923" spans="2:3" x14ac:dyDescent="0.25">
      <c r="B3923" s="21">
        <v>44099</v>
      </c>
      <c r="C3923" s="6">
        <v>11536920</v>
      </c>
    </row>
    <row r="3924" spans="2:3" x14ac:dyDescent="0.25">
      <c r="B3924" s="21">
        <v>44100</v>
      </c>
      <c r="C3924" s="6">
        <v>10124777</v>
      </c>
    </row>
    <row r="3925" spans="2:3" x14ac:dyDescent="0.25">
      <c r="B3925" s="21">
        <v>44101</v>
      </c>
      <c r="C3925" s="6">
        <v>9636169</v>
      </c>
    </row>
    <row r="3926" spans="2:3" x14ac:dyDescent="0.25">
      <c r="B3926" s="21">
        <v>44102</v>
      </c>
      <c r="C3926" s="6">
        <v>10256159</v>
      </c>
    </row>
    <row r="3927" spans="2:3" x14ac:dyDescent="0.25">
      <c r="B3927" s="21">
        <v>44103</v>
      </c>
      <c r="C3927" s="6">
        <v>12038397</v>
      </c>
    </row>
    <row r="3928" spans="2:3" x14ac:dyDescent="0.25">
      <c r="B3928" s="21">
        <v>44104</v>
      </c>
      <c r="C3928" s="6">
        <v>12193376</v>
      </c>
    </row>
    <row r="3929" spans="2:3" x14ac:dyDescent="0.25">
      <c r="B3929" s="21">
        <v>44105</v>
      </c>
      <c r="C3929" s="6">
        <v>12168806</v>
      </c>
    </row>
    <row r="3930" spans="2:3" x14ac:dyDescent="0.25">
      <c r="B3930" s="21">
        <v>44106</v>
      </c>
      <c r="C3930" s="6">
        <v>11790247</v>
      </c>
    </row>
    <row r="3931" spans="2:3" x14ac:dyDescent="0.25">
      <c r="B3931" s="21">
        <v>44107</v>
      </c>
      <c r="C3931" s="6">
        <v>9984036</v>
      </c>
    </row>
    <row r="3932" spans="2:3" x14ac:dyDescent="0.25">
      <c r="B3932" s="21">
        <v>44108</v>
      </c>
      <c r="C3932" s="6">
        <v>9575255</v>
      </c>
    </row>
    <row r="3933" spans="2:3" x14ac:dyDescent="0.25">
      <c r="B3933" s="21">
        <v>44109</v>
      </c>
      <c r="C3933" s="6">
        <v>11610031</v>
      </c>
    </row>
    <row r="3934" spans="2:3" x14ac:dyDescent="0.25">
      <c r="B3934" s="21">
        <v>44110</v>
      </c>
      <c r="C3934" s="6">
        <v>11922979</v>
      </c>
    </row>
    <row r="3935" spans="2:3" x14ac:dyDescent="0.25">
      <c r="B3935" s="21">
        <v>44111</v>
      </c>
      <c r="C3935" s="6">
        <v>11904273</v>
      </c>
    </row>
    <row r="3936" spans="2:3" x14ac:dyDescent="0.25">
      <c r="B3936" s="21">
        <v>44112</v>
      </c>
      <c r="C3936" s="6">
        <v>11859781</v>
      </c>
    </row>
    <row r="3937" spans="2:3" x14ac:dyDescent="0.25">
      <c r="B3937" s="21">
        <v>44113</v>
      </c>
      <c r="C3937" s="6">
        <v>11651951</v>
      </c>
    </row>
    <row r="3938" spans="2:3" x14ac:dyDescent="0.25">
      <c r="B3938" s="21">
        <v>44114</v>
      </c>
      <c r="C3938" s="6">
        <v>10323478</v>
      </c>
    </row>
    <row r="3939" spans="2:3" x14ac:dyDescent="0.25">
      <c r="B3939" s="21">
        <v>44115</v>
      </c>
      <c r="C3939" s="6">
        <v>10208950</v>
      </c>
    </row>
    <row r="3940" spans="2:3" x14ac:dyDescent="0.25">
      <c r="B3940" s="21">
        <v>44116</v>
      </c>
      <c r="C3940" s="6">
        <v>12262438</v>
      </c>
    </row>
    <row r="3941" spans="2:3" x14ac:dyDescent="0.25">
      <c r="B3941" s="21">
        <v>44117</v>
      </c>
      <c r="C3941" s="6">
        <v>12776848</v>
      </c>
    </row>
    <row r="3942" spans="2:3" x14ac:dyDescent="0.25">
      <c r="B3942" s="21">
        <v>44118</v>
      </c>
      <c r="C3942" s="6">
        <v>12979681</v>
      </c>
    </row>
    <row r="3943" spans="2:3" x14ac:dyDescent="0.25">
      <c r="B3943" s="21">
        <v>44119</v>
      </c>
      <c r="C3943" s="6">
        <v>12786420</v>
      </c>
    </row>
    <row r="3944" spans="2:3" x14ac:dyDescent="0.25">
      <c r="B3944" s="21">
        <v>44120</v>
      </c>
      <c r="C3944" s="6">
        <v>12612435</v>
      </c>
    </row>
    <row r="3945" spans="2:3" x14ac:dyDescent="0.25">
      <c r="B3945" s="21">
        <v>44121</v>
      </c>
      <c r="C3945" s="6">
        <v>11176447</v>
      </c>
    </row>
    <row r="3946" spans="2:3" x14ac:dyDescent="0.25">
      <c r="B3946" s="21">
        <v>44122</v>
      </c>
      <c r="C3946" s="6">
        <v>10765687</v>
      </c>
    </row>
    <row r="3947" spans="2:3" x14ac:dyDescent="0.25">
      <c r="B3947" s="21">
        <v>44123</v>
      </c>
      <c r="C3947" s="6">
        <v>12699869</v>
      </c>
    </row>
    <row r="3948" spans="2:3" x14ac:dyDescent="0.25">
      <c r="B3948" s="21">
        <v>44124</v>
      </c>
      <c r="C3948" s="6">
        <v>12803217</v>
      </c>
    </row>
    <row r="3949" spans="2:3" x14ac:dyDescent="0.25">
      <c r="B3949" s="21">
        <v>44125</v>
      </c>
      <c r="C3949" s="6">
        <v>12710491</v>
      </c>
    </row>
    <row r="3950" spans="2:3" x14ac:dyDescent="0.25">
      <c r="B3950" s="21">
        <v>44126</v>
      </c>
      <c r="C3950" s="6">
        <v>12675546</v>
      </c>
    </row>
    <row r="3951" spans="2:3" x14ac:dyDescent="0.25">
      <c r="B3951" s="21">
        <v>44127</v>
      </c>
      <c r="C3951" s="6">
        <v>12298158</v>
      </c>
    </row>
    <row r="3952" spans="2:3" x14ac:dyDescent="0.25">
      <c r="B3952" s="21">
        <v>44128</v>
      </c>
      <c r="C3952" s="6">
        <v>10588640</v>
      </c>
    </row>
    <row r="3953" spans="2:3" x14ac:dyDescent="0.25">
      <c r="B3953" s="21">
        <v>44129</v>
      </c>
      <c r="C3953" s="6">
        <v>10613187</v>
      </c>
    </row>
    <row r="3954" spans="2:3" x14ac:dyDescent="0.25">
      <c r="B3954" s="21">
        <v>44130</v>
      </c>
      <c r="C3954" s="6">
        <v>12212521</v>
      </c>
    </row>
    <row r="3955" spans="2:3" x14ac:dyDescent="0.25">
      <c r="B3955" s="21">
        <v>44131</v>
      </c>
      <c r="C3955" s="6">
        <v>12475226</v>
      </c>
    </row>
    <row r="3956" spans="2:3" x14ac:dyDescent="0.25">
      <c r="B3956" s="21">
        <v>44132</v>
      </c>
      <c r="C3956" s="6">
        <v>11565506</v>
      </c>
    </row>
    <row r="3957" spans="2:3" x14ac:dyDescent="0.25">
      <c r="B3957" s="21">
        <v>44133</v>
      </c>
      <c r="C3957" s="6">
        <v>12432534</v>
      </c>
    </row>
    <row r="3958" spans="2:3" x14ac:dyDescent="0.25">
      <c r="B3958" s="21">
        <v>44134</v>
      </c>
      <c r="C3958" s="6">
        <v>12319938</v>
      </c>
    </row>
    <row r="3959" spans="2:3" x14ac:dyDescent="0.25">
      <c r="B3959" s="21">
        <v>44135</v>
      </c>
      <c r="C3959" s="6">
        <v>10640611</v>
      </c>
    </row>
    <row r="3960" spans="2:3" x14ac:dyDescent="0.25">
      <c r="B3960" s="21">
        <v>44136</v>
      </c>
      <c r="C3960" s="6">
        <v>10322113</v>
      </c>
    </row>
    <row r="3961" spans="2:3" x14ac:dyDescent="0.25">
      <c r="B3961" s="21">
        <v>44137</v>
      </c>
      <c r="C3961" s="6">
        <v>12325978</v>
      </c>
    </row>
    <row r="3962" spans="2:3" x14ac:dyDescent="0.25">
      <c r="B3962" s="21">
        <v>44138</v>
      </c>
      <c r="C3962" s="6">
        <v>12578592</v>
      </c>
    </row>
    <row r="3963" spans="2:3" x14ac:dyDescent="0.25">
      <c r="B3963" s="21">
        <v>44139</v>
      </c>
      <c r="C3963" s="6">
        <v>12815229</v>
      </c>
    </row>
    <row r="3964" spans="2:3" x14ac:dyDescent="0.25">
      <c r="B3964" s="21">
        <v>44140</v>
      </c>
      <c r="C3964" s="6">
        <v>12996045</v>
      </c>
    </row>
    <row r="3965" spans="2:3" x14ac:dyDescent="0.25">
      <c r="B3965" s="21">
        <v>44141</v>
      </c>
      <c r="C3965" s="6">
        <v>13120560</v>
      </c>
    </row>
    <row r="3966" spans="2:3" x14ac:dyDescent="0.25">
      <c r="B3966" s="21">
        <v>44142</v>
      </c>
      <c r="C3966" s="6">
        <v>11535218</v>
      </c>
    </row>
    <row r="3967" spans="2:3" x14ac:dyDescent="0.25">
      <c r="B3967" s="21">
        <v>44143</v>
      </c>
      <c r="C3967" s="6">
        <v>11324998</v>
      </c>
    </row>
    <row r="3968" spans="2:3" x14ac:dyDescent="0.25">
      <c r="B3968" s="21">
        <v>44144</v>
      </c>
      <c r="C3968" s="6">
        <v>13414153</v>
      </c>
    </row>
    <row r="3969" spans="2:3" x14ac:dyDescent="0.25">
      <c r="B3969" s="21">
        <v>44145</v>
      </c>
      <c r="C3969" s="6">
        <v>13522808</v>
      </c>
    </row>
    <row r="3970" spans="2:3" x14ac:dyDescent="0.25">
      <c r="B3970" s="21">
        <v>44146</v>
      </c>
      <c r="C3970" s="6">
        <v>13553890</v>
      </c>
    </row>
    <row r="3971" spans="2:3" x14ac:dyDescent="0.25">
      <c r="B3971" s="21">
        <v>44147</v>
      </c>
      <c r="C3971" s="6">
        <v>13521108</v>
      </c>
    </row>
    <row r="3972" spans="2:3" x14ac:dyDescent="0.25">
      <c r="B3972" s="21">
        <v>44148</v>
      </c>
      <c r="C3972" s="6">
        <v>13147914</v>
      </c>
    </row>
    <row r="3973" spans="2:3" x14ac:dyDescent="0.25">
      <c r="B3973" s="21">
        <v>44149</v>
      </c>
      <c r="C3973" s="6">
        <v>11399222</v>
      </c>
    </row>
    <row r="3974" spans="2:3" x14ac:dyDescent="0.25">
      <c r="B3974" s="21">
        <v>44150</v>
      </c>
      <c r="C3974" s="6">
        <v>11088778</v>
      </c>
    </row>
    <row r="3975" spans="2:3" x14ac:dyDescent="0.25">
      <c r="B3975" s="21">
        <v>44151</v>
      </c>
      <c r="C3975" s="6">
        <v>12580577</v>
      </c>
    </row>
    <row r="3976" spans="2:3" x14ac:dyDescent="0.25">
      <c r="B3976" s="21">
        <v>44152</v>
      </c>
      <c r="C3976" s="6">
        <v>12078764</v>
      </c>
    </row>
    <row r="3977" spans="2:3" x14ac:dyDescent="0.25">
      <c r="B3977" s="21">
        <v>44153</v>
      </c>
      <c r="C3977" s="6">
        <v>13007316</v>
      </c>
    </row>
    <row r="3978" spans="2:3" x14ac:dyDescent="0.25">
      <c r="B3978" s="21">
        <v>44154</v>
      </c>
      <c r="C3978" s="6">
        <v>13357029</v>
      </c>
    </row>
    <row r="3979" spans="2:3" x14ac:dyDescent="0.25">
      <c r="B3979" s="21">
        <v>44155</v>
      </c>
      <c r="C3979" s="6">
        <v>13290509</v>
      </c>
    </row>
    <row r="3980" spans="2:3" x14ac:dyDescent="0.25">
      <c r="B3980" s="21">
        <v>44156</v>
      </c>
      <c r="C3980" s="6">
        <v>11972007</v>
      </c>
    </row>
    <row r="3981" spans="2:3" x14ac:dyDescent="0.25">
      <c r="B3981" s="21">
        <v>44157</v>
      </c>
      <c r="C3981" s="6">
        <v>11635256</v>
      </c>
    </row>
    <row r="3982" spans="2:3" x14ac:dyDescent="0.25">
      <c r="B3982" s="21">
        <v>44158</v>
      </c>
      <c r="C3982" s="6">
        <v>13733961</v>
      </c>
    </row>
    <row r="3983" spans="2:3" x14ac:dyDescent="0.25">
      <c r="B3983" s="21">
        <v>44159</v>
      </c>
      <c r="C3983" s="6">
        <v>14151632</v>
      </c>
    </row>
    <row r="3984" spans="2:3" x14ac:dyDescent="0.25">
      <c r="B3984" s="21">
        <v>44160</v>
      </c>
      <c r="C3984" s="6">
        <v>14417593</v>
      </c>
    </row>
    <row r="3985" spans="2:3" x14ac:dyDescent="0.25">
      <c r="B3985" s="21">
        <v>44161</v>
      </c>
      <c r="C3985" s="6">
        <v>14633526</v>
      </c>
    </row>
    <row r="3986" spans="2:3" x14ac:dyDescent="0.25">
      <c r="B3986" s="21">
        <v>44162</v>
      </c>
      <c r="C3986" s="6">
        <v>14452747</v>
      </c>
    </row>
    <row r="3987" spans="2:3" x14ac:dyDescent="0.25">
      <c r="B3987" s="21">
        <v>44163</v>
      </c>
      <c r="C3987" s="6">
        <v>12655950</v>
      </c>
    </row>
    <row r="3988" spans="2:3" x14ac:dyDescent="0.25">
      <c r="B3988" s="21">
        <v>44164</v>
      </c>
      <c r="C3988" s="6">
        <v>12189030</v>
      </c>
    </row>
    <row r="3989" spans="2:3" x14ac:dyDescent="0.25">
      <c r="B3989" s="21">
        <v>44165</v>
      </c>
      <c r="C3989" s="6">
        <v>14251966</v>
      </c>
    </row>
    <row r="3990" spans="2:3" x14ac:dyDescent="0.25">
      <c r="B3990" s="21">
        <v>44166</v>
      </c>
      <c r="C3990" s="6">
        <v>14564791</v>
      </c>
    </row>
    <row r="3991" spans="2:3" x14ac:dyDescent="0.25">
      <c r="B3991" s="21">
        <v>44167</v>
      </c>
      <c r="C3991" s="6">
        <v>14761381</v>
      </c>
    </row>
    <row r="3992" spans="2:3" x14ac:dyDescent="0.25">
      <c r="B3992" s="21">
        <v>44168</v>
      </c>
      <c r="C3992" s="6">
        <v>14913274</v>
      </c>
    </row>
    <row r="3993" spans="2:3" x14ac:dyDescent="0.25">
      <c r="B3993" s="21">
        <v>44169</v>
      </c>
      <c r="C3993" s="6">
        <v>14429824</v>
      </c>
    </row>
    <row r="3994" spans="2:3" x14ac:dyDescent="0.25">
      <c r="B3994" s="21">
        <v>44170</v>
      </c>
      <c r="C3994" s="6">
        <v>12321979</v>
      </c>
    </row>
    <row r="3995" spans="2:3" x14ac:dyDescent="0.25">
      <c r="B3995" s="21">
        <v>44171</v>
      </c>
      <c r="C3995" s="6">
        <v>11633215</v>
      </c>
    </row>
    <row r="3996" spans="2:3" x14ac:dyDescent="0.25">
      <c r="B3996" s="21">
        <v>44172</v>
      </c>
      <c r="C3996" s="6">
        <v>13642738</v>
      </c>
    </row>
    <row r="3997" spans="2:3" x14ac:dyDescent="0.25">
      <c r="B3997" s="21">
        <v>44173</v>
      </c>
      <c r="C3997" s="6">
        <v>13859476</v>
      </c>
    </row>
    <row r="3998" spans="2:3" x14ac:dyDescent="0.25">
      <c r="B3998" s="21">
        <v>44174</v>
      </c>
      <c r="C3998" s="6">
        <v>13996091</v>
      </c>
    </row>
    <row r="3999" spans="2:3" x14ac:dyDescent="0.25">
      <c r="B3999" s="21">
        <v>44175</v>
      </c>
      <c r="C3999" s="6">
        <v>14178359</v>
      </c>
    </row>
    <row r="4000" spans="2:3" x14ac:dyDescent="0.25">
      <c r="B4000" s="21">
        <v>44176</v>
      </c>
      <c r="C4000" s="6">
        <v>14155289</v>
      </c>
    </row>
    <row r="4001" spans="2:3" x14ac:dyDescent="0.25">
      <c r="B4001" s="21">
        <v>44177</v>
      </c>
      <c r="C4001" s="6">
        <v>12550194</v>
      </c>
    </row>
    <row r="4002" spans="2:3" x14ac:dyDescent="0.25">
      <c r="B4002" s="21">
        <v>44178</v>
      </c>
      <c r="C4002" s="6">
        <v>12152838</v>
      </c>
    </row>
    <row r="4003" spans="2:3" x14ac:dyDescent="0.25">
      <c r="B4003" s="21">
        <v>44179</v>
      </c>
      <c r="C4003" s="6">
        <v>13883327</v>
      </c>
    </row>
    <row r="4004" spans="2:3" x14ac:dyDescent="0.25">
      <c r="B4004" s="21">
        <v>44180</v>
      </c>
      <c r="C4004" s="6">
        <v>14205978</v>
      </c>
    </row>
    <row r="4005" spans="2:3" x14ac:dyDescent="0.25">
      <c r="B4005" s="21">
        <v>44181</v>
      </c>
      <c r="C4005" s="6">
        <v>14218141</v>
      </c>
    </row>
    <row r="4006" spans="2:3" x14ac:dyDescent="0.25">
      <c r="B4006" s="21">
        <v>44182</v>
      </c>
      <c r="C4006" s="6">
        <v>14112202</v>
      </c>
    </row>
    <row r="4007" spans="2:3" x14ac:dyDescent="0.25">
      <c r="B4007" s="21">
        <v>44183</v>
      </c>
      <c r="C4007" s="6">
        <v>13701736</v>
      </c>
    </row>
    <row r="4008" spans="2:3" x14ac:dyDescent="0.25">
      <c r="B4008" s="21">
        <v>44184</v>
      </c>
      <c r="C4008" s="6">
        <v>12185514</v>
      </c>
    </row>
    <row r="4009" spans="2:3" x14ac:dyDescent="0.25">
      <c r="B4009" s="21">
        <v>44185</v>
      </c>
      <c r="C4009" s="6">
        <v>11863295</v>
      </c>
    </row>
    <row r="4010" spans="2:3" x14ac:dyDescent="0.25">
      <c r="B4010" s="21">
        <v>44186</v>
      </c>
      <c r="C4010" s="6">
        <v>12921917</v>
      </c>
    </row>
    <row r="4011" spans="2:3" x14ac:dyDescent="0.25">
      <c r="B4011" s="21">
        <v>44187</v>
      </c>
      <c r="C4011" s="6">
        <v>12383504</v>
      </c>
    </row>
    <row r="4012" spans="2:3" x14ac:dyDescent="0.25">
      <c r="B4012" s="21">
        <v>44188</v>
      </c>
      <c r="C4012" s="6">
        <v>11206825</v>
      </c>
    </row>
    <row r="4013" spans="2:3" x14ac:dyDescent="0.25">
      <c r="B4013" s="21">
        <v>44189</v>
      </c>
      <c r="C4013" s="6">
        <v>9491374</v>
      </c>
    </row>
    <row r="4014" spans="2:3" x14ac:dyDescent="0.25">
      <c r="B4014" s="21">
        <v>44190</v>
      </c>
      <c r="C4014" s="6">
        <v>9470066</v>
      </c>
    </row>
    <row r="4015" spans="2:3" x14ac:dyDescent="0.25">
      <c r="B4015" s="21">
        <v>44191</v>
      </c>
      <c r="C4015" s="6">
        <v>10024255</v>
      </c>
    </row>
    <row r="4016" spans="2:3" x14ac:dyDescent="0.25">
      <c r="B4016" s="21">
        <v>44192</v>
      </c>
      <c r="C4016" s="6">
        <v>10638580</v>
      </c>
    </row>
    <row r="4017" spans="2:3" x14ac:dyDescent="0.25">
      <c r="B4017" s="21">
        <v>44193</v>
      </c>
      <c r="C4017" s="6">
        <v>11297409</v>
      </c>
    </row>
    <row r="4018" spans="2:3" x14ac:dyDescent="0.25">
      <c r="B4018" s="21">
        <v>44194</v>
      </c>
      <c r="C4018" s="6">
        <v>11166803</v>
      </c>
    </row>
    <row r="4019" spans="2:3" x14ac:dyDescent="0.25">
      <c r="B4019" s="21">
        <v>44195</v>
      </c>
      <c r="C4019" s="6">
        <v>11228462</v>
      </c>
    </row>
    <row r="4020" spans="2:3" x14ac:dyDescent="0.25">
      <c r="B4020" s="21">
        <v>44196</v>
      </c>
      <c r="C4020" s="6">
        <v>10717032</v>
      </c>
    </row>
    <row r="4021" spans="2:3" x14ac:dyDescent="0.25">
      <c r="B4021" s="21">
        <v>44197</v>
      </c>
      <c r="C4021" s="6">
        <v>10348322</v>
      </c>
    </row>
    <row r="4022" spans="2:3" x14ac:dyDescent="0.25">
      <c r="B4022" s="21">
        <v>44198</v>
      </c>
      <c r="C4022" s="6">
        <v>11036563</v>
      </c>
    </row>
    <row r="4023" spans="2:3" x14ac:dyDescent="0.25">
      <c r="B4023" s="21">
        <v>44199</v>
      </c>
      <c r="C4023" s="6">
        <v>11116011</v>
      </c>
    </row>
    <row r="4024" spans="2:3" x14ac:dyDescent="0.25">
      <c r="B4024" s="21">
        <v>44200</v>
      </c>
      <c r="C4024" s="6">
        <v>13191932</v>
      </c>
    </row>
    <row r="4025" spans="2:3" x14ac:dyDescent="0.25">
      <c r="B4025" s="21">
        <v>44201</v>
      </c>
      <c r="C4025" s="6">
        <v>13662395</v>
      </c>
    </row>
    <row r="4026" spans="2:3" x14ac:dyDescent="0.25">
      <c r="B4026" s="21">
        <v>44202</v>
      </c>
      <c r="C4026" s="6">
        <v>13919076</v>
      </c>
    </row>
    <row r="4027" spans="2:3" x14ac:dyDescent="0.25">
      <c r="B4027" s="21">
        <v>44203</v>
      </c>
      <c r="C4027" s="6">
        <v>14048313</v>
      </c>
    </row>
    <row r="4028" spans="2:3" x14ac:dyDescent="0.25">
      <c r="B4028" s="21">
        <v>44204</v>
      </c>
      <c r="C4028" s="6">
        <v>14014225</v>
      </c>
    </row>
    <row r="4029" spans="2:3" x14ac:dyDescent="0.25">
      <c r="B4029" s="21">
        <v>44205</v>
      </c>
      <c r="C4029" s="6">
        <v>12414122</v>
      </c>
    </row>
    <row r="4030" spans="2:3" x14ac:dyDescent="0.25">
      <c r="B4030" s="21">
        <v>44206</v>
      </c>
      <c r="C4030" s="6">
        <v>12210462</v>
      </c>
    </row>
    <row r="4031" spans="2:3" x14ac:dyDescent="0.25">
      <c r="B4031" s="21">
        <v>44207</v>
      </c>
      <c r="C4031" s="6">
        <v>14530279</v>
      </c>
    </row>
    <row r="4032" spans="2:3" x14ac:dyDescent="0.25">
      <c r="B4032" s="21">
        <v>44208</v>
      </c>
      <c r="C4032" s="6">
        <v>14862178</v>
      </c>
    </row>
    <row r="4033" spans="2:3" x14ac:dyDescent="0.25">
      <c r="B4033" s="21">
        <v>44209</v>
      </c>
      <c r="C4033" s="6">
        <v>14621964</v>
      </c>
    </row>
    <row r="4034" spans="2:3" x14ac:dyDescent="0.25">
      <c r="B4034" s="21">
        <v>44210</v>
      </c>
      <c r="C4034" s="6">
        <v>14632717</v>
      </c>
    </row>
    <row r="4035" spans="2:3" x14ac:dyDescent="0.25">
      <c r="B4035" s="21">
        <v>44211</v>
      </c>
      <c r="C4035" s="6">
        <v>14509308</v>
      </c>
    </row>
    <row r="4036" spans="2:3" x14ac:dyDescent="0.25">
      <c r="B4036" s="21">
        <v>44212</v>
      </c>
      <c r="C4036" s="6">
        <v>13182700</v>
      </c>
    </row>
    <row r="4037" spans="2:3" x14ac:dyDescent="0.25">
      <c r="B4037" s="21">
        <v>44213</v>
      </c>
      <c r="C4037" s="6">
        <v>13076017</v>
      </c>
    </row>
    <row r="4038" spans="2:3" x14ac:dyDescent="0.25">
      <c r="B4038" s="21">
        <v>44214</v>
      </c>
      <c r="C4038" s="6">
        <v>15170776</v>
      </c>
    </row>
    <row r="4039" spans="2:3" x14ac:dyDescent="0.25">
      <c r="B4039" s="21">
        <v>44215</v>
      </c>
      <c r="C4039" s="6">
        <v>14955627</v>
      </c>
    </row>
    <row r="4040" spans="2:3" x14ac:dyDescent="0.25">
      <c r="B4040" s="21">
        <v>44216</v>
      </c>
      <c r="C4040" s="6">
        <v>14394526</v>
      </c>
    </row>
    <row r="4041" spans="2:3" x14ac:dyDescent="0.25">
      <c r="B4041" s="21">
        <v>44217</v>
      </c>
      <c r="C4041" s="6">
        <v>14224072</v>
      </c>
    </row>
    <row r="4042" spans="2:3" x14ac:dyDescent="0.25">
      <c r="B4042" s="21">
        <v>44218</v>
      </c>
      <c r="C4042" s="6">
        <v>13593421</v>
      </c>
    </row>
    <row r="4043" spans="2:3" x14ac:dyDescent="0.25">
      <c r="B4043" s="21">
        <v>44219</v>
      </c>
      <c r="C4043" s="6">
        <v>12049923</v>
      </c>
    </row>
    <row r="4044" spans="2:3" x14ac:dyDescent="0.25">
      <c r="B4044" s="21">
        <v>44220</v>
      </c>
      <c r="C4044" s="6">
        <v>11961266</v>
      </c>
    </row>
    <row r="4045" spans="2:3" x14ac:dyDescent="0.25">
      <c r="B4045" s="21">
        <v>44221</v>
      </c>
      <c r="C4045" s="6">
        <v>14066884</v>
      </c>
    </row>
    <row r="4046" spans="2:3" x14ac:dyDescent="0.25">
      <c r="B4046" s="21">
        <v>44222</v>
      </c>
      <c r="C4046" s="6">
        <v>14487086</v>
      </c>
    </row>
    <row r="4047" spans="2:3" x14ac:dyDescent="0.25">
      <c r="B4047" s="21">
        <v>44223</v>
      </c>
      <c r="C4047" s="6">
        <v>14449212</v>
      </c>
    </row>
    <row r="4048" spans="2:3" x14ac:dyDescent="0.25">
      <c r="B4048" s="21">
        <v>44224</v>
      </c>
      <c r="C4048" s="6">
        <v>14545120</v>
      </c>
    </row>
    <row r="4049" spans="2:3" x14ac:dyDescent="0.25">
      <c r="B4049" s="21">
        <v>44225</v>
      </c>
      <c r="C4049" s="6">
        <v>14153536</v>
      </c>
    </row>
    <row r="4050" spans="2:3" x14ac:dyDescent="0.25">
      <c r="B4050" s="21">
        <v>44226</v>
      </c>
      <c r="C4050" s="6">
        <v>12426858</v>
      </c>
    </row>
    <row r="4051" spans="2:3" x14ac:dyDescent="0.25">
      <c r="B4051" s="21">
        <v>44227</v>
      </c>
      <c r="C4051" s="6">
        <v>12351617</v>
      </c>
    </row>
    <row r="4052" spans="2:3" x14ac:dyDescent="0.25">
      <c r="B4052" s="21">
        <v>44228</v>
      </c>
      <c r="C4052" s="6">
        <v>14485512</v>
      </c>
    </row>
    <row r="4053" spans="2:3" x14ac:dyDescent="0.25">
      <c r="B4053" s="21">
        <v>44229</v>
      </c>
      <c r="C4053" s="6">
        <v>14488068</v>
      </c>
    </row>
    <row r="4054" spans="2:3" x14ac:dyDescent="0.25">
      <c r="B4054" s="21">
        <v>44230</v>
      </c>
      <c r="C4054" s="6">
        <v>14078976</v>
      </c>
    </row>
    <row r="4055" spans="2:3" x14ac:dyDescent="0.25">
      <c r="B4055" s="21">
        <v>44231</v>
      </c>
      <c r="C4055" s="6">
        <v>13756825</v>
      </c>
    </row>
    <row r="4056" spans="2:3" x14ac:dyDescent="0.25">
      <c r="B4056" s="21">
        <v>44232</v>
      </c>
      <c r="C4056" s="6">
        <v>13783270</v>
      </c>
    </row>
    <row r="4057" spans="2:3" x14ac:dyDescent="0.25">
      <c r="B4057" s="21">
        <v>44233</v>
      </c>
      <c r="C4057" s="6">
        <v>12368995</v>
      </c>
    </row>
    <row r="4058" spans="2:3" x14ac:dyDescent="0.25">
      <c r="B4058" s="21">
        <v>44234</v>
      </c>
      <c r="C4058" s="6">
        <v>12533596</v>
      </c>
    </row>
    <row r="4059" spans="2:3" x14ac:dyDescent="0.25">
      <c r="B4059" s="21">
        <v>44235</v>
      </c>
      <c r="C4059" s="6">
        <v>14738976</v>
      </c>
    </row>
    <row r="4060" spans="2:3" x14ac:dyDescent="0.25">
      <c r="B4060" s="21">
        <v>44236</v>
      </c>
      <c r="C4060" s="6">
        <v>15058880</v>
      </c>
    </row>
    <row r="4061" spans="2:3" x14ac:dyDescent="0.25">
      <c r="B4061" s="21">
        <v>44237</v>
      </c>
      <c r="C4061" s="6">
        <v>15344835</v>
      </c>
    </row>
    <row r="4062" spans="2:3" x14ac:dyDescent="0.25">
      <c r="B4062" s="21">
        <v>44238</v>
      </c>
      <c r="C4062" s="6">
        <v>15629166</v>
      </c>
    </row>
    <row r="4063" spans="2:3" x14ac:dyDescent="0.25">
      <c r="B4063" s="21">
        <v>44239</v>
      </c>
      <c r="C4063" s="6">
        <v>15516943</v>
      </c>
    </row>
    <row r="4064" spans="2:3" x14ac:dyDescent="0.25">
      <c r="B4064" s="21">
        <v>44240</v>
      </c>
      <c r="C4064" s="6">
        <v>13928032</v>
      </c>
    </row>
    <row r="4065" spans="2:3" x14ac:dyDescent="0.25">
      <c r="B4065" s="21">
        <v>44241</v>
      </c>
      <c r="C4065" s="6">
        <v>13569775</v>
      </c>
    </row>
    <row r="4066" spans="2:3" x14ac:dyDescent="0.25">
      <c r="B4066" s="21">
        <v>44242</v>
      </c>
      <c r="C4066" s="6">
        <v>15741753</v>
      </c>
    </row>
    <row r="4067" spans="2:3" x14ac:dyDescent="0.25">
      <c r="B4067" s="21">
        <v>44243</v>
      </c>
      <c r="C4067" s="6">
        <v>15342993</v>
      </c>
    </row>
    <row r="4068" spans="2:3" x14ac:dyDescent="0.25">
      <c r="B4068" s="21">
        <v>44244</v>
      </c>
      <c r="C4068" s="6">
        <v>14814622</v>
      </c>
    </row>
    <row r="4069" spans="2:3" x14ac:dyDescent="0.25">
      <c r="B4069" s="21">
        <v>44245</v>
      </c>
      <c r="C4069" s="6">
        <v>14246703</v>
      </c>
    </row>
    <row r="4070" spans="2:3" x14ac:dyDescent="0.25">
      <c r="B4070" s="21">
        <v>44246</v>
      </c>
      <c r="C4070" s="6">
        <v>13928068</v>
      </c>
    </row>
    <row r="4071" spans="2:3" x14ac:dyDescent="0.25">
      <c r="B4071" s="21">
        <v>44247</v>
      </c>
      <c r="C4071" s="6">
        <v>12165018</v>
      </c>
    </row>
    <row r="4072" spans="2:3" x14ac:dyDescent="0.25">
      <c r="B4072" s="21">
        <v>44248</v>
      </c>
      <c r="C4072" s="6">
        <v>11853479</v>
      </c>
    </row>
    <row r="4073" spans="2:3" x14ac:dyDescent="0.25">
      <c r="B4073" s="21">
        <v>44249</v>
      </c>
      <c r="C4073" s="6">
        <v>13726824</v>
      </c>
    </row>
    <row r="4074" spans="2:3" x14ac:dyDescent="0.25">
      <c r="B4074" s="21">
        <v>44250</v>
      </c>
      <c r="C4074" s="6">
        <v>13865744</v>
      </c>
    </row>
    <row r="4075" spans="2:3" x14ac:dyDescent="0.25">
      <c r="B4075" s="21">
        <v>44251</v>
      </c>
      <c r="C4075" s="6">
        <v>13590836</v>
      </c>
    </row>
    <row r="4076" spans="2:3" x14ac:dyDescent="0.25">
      <c r="B4076" s="21">
        <v>44252</v>
      </c>
      <c r="C4076" s="6">
        <v>13269664</v>
      </c>
    </row>
    <row r="4077" spans="2:3" x14ac:dyDescent="0.25">
      <c r="B4077" s="21">
        <v>44253</v>
      </c>
      <c r="C4077" s="6">
        <v>12943845</v>
      </c>
    </row>
    <row r="4078" spans="2:3" x14ac:dyDescent="0.25">
      <c r="B4078" s="21">
        <v>44254</v>
      </c>
      <c r="C4078" s="6">
        <v>11593131</v>
      </c>
    </row>
    <row r="4079" spans="2:3" x14ac:dyDescent="0.25">
      <c r="B4079" s="21">
        <v>44255</v>
      </c>
      <c r="C4079" s="6">
        <v>11153060</v>
      </c>
    </row>
    <row r="4080" spans="2:3" x14ac:dyDescent="0.25">
      <c r="B4080" s="21">
        <v>44256</v>
      </c>
      <c r="C4080" s="6">
        <v>13447504</v>
      </c>
    </row>
    <row r="4081" spans="2:3" x14ac:dyDescent="0.25">
      <c r="B4081" s="21">
        <v>44257</v>
      </c>
      <c r="C4081" s="6">
        <v>13764330</v>
      </c>
    </row>
    <row r="4082" spans="2:3" x14ac:dyDescent="0.25">
      <c r="B4082" s="21">
        <v>44258</v>
      </c>
      <c r="C4082" s="6">
        <v>13727434</v>
      </c>
    </row>
    <row r="4083" spans="2:3" x14ac:dyDescent="0.25">
      <c r="B4083" s="21">
        <v>44259</v>
      </c>
      <c r="C4083" s="6">
        <v>13462148</v>
      </c>
    </row>
    <row r="4084" spans="2:3" x14ac:dyDescent="0.25">
      <c r="B4084" s="21">
        <v>44260</v>
      </c>
      <c r="C4084" s="6">
        <v>13518047</v>
      </c>
    </row>
    <row r="4085" spans="2:3" x14ac:dyDescent="0.25">
      <c r="B4085" s="21">
        <v>44261</v>
      </c>
      <c r="C4085" s="6">
        <v>11994039</v>
      </c>
    </row>
    <row r="4086" spans="2:3" x14ac:dyDescent="0.25">
      <c r="B4086" s="21">
        <v>44262</v>
      </c>
      <c r="C4086" s="6">
        <v>11652985</v>
      </c>
    </row>
    <row r="4087" spans="2:3" x14ac:dyDescent="0.25">
      <c r="B4087" s="21">
        <v>44263</v>
      </c>
      <c r="C4087" s="6">
        <v>13865374</v>
      </c>
    </row>
    <row r="4088" spans="2:3" x14ac:dyDescent="0.25">
      <c r="B4088" s="21">
        <v>44264</v>
      </c>
      <c r="C4088" s="6">
        <v>14081090</v>
      </c>
    </row>
    <row r="4089" spans="2:3" x14ac:dyDescent="0.25">
      <c r="B4089" s="21">
        <v>44265</v>
      </c>
      <c r="C4089" s="6">
        <v>13902591</v>
      </c>
    </row>
    <row r="4090" spans="2:3" x14ac:dyDescent="0.25">
      <c r="B4090" s="21">
        <v>44266</v>
      </c>
      <c r="C4090" s="6">
        <v>13948661</v>
      </c>
    </row>
    <row r="4091" spans="2:3" x14ac:dyDescent="0.25">
      <c r="B4091" s="21">
        <v>44267</v>
      </c>
      <c r="C4091" s="6">
        <v>13222568</v>
      </c>
    </row>
    <row r="4092" spans="2:3" x14ac:dyDescent="0.25">
      <c r="B4092" s="21">
        <v>44268</v>
      </c>
      <c r="C4092" s="6">
        <v>11547971</v>
      </c>
    </row>
    <row r="4093" spans="2:3" x14ac:dyDescent="0.25">
      <c r="B4093" s="21">
        <v>44269</v>
      </c>
      <c r="C4093" s="6">
        <v>11213389</v>
      </c>
    </row>
    <row r="4094" spans="2:3" x14ac:dyDescent="0.25">
      <c r="B4094" s="21">
        <v>44270</v>
      </c>
      <c r="C4094" s="6">
        <v>13071859</v>
      </c>
    </row>
    <row r="4095" spans="2:3" x14ac:dyDescent="0.25">
      <c r="B4095" s="21">
        <v>44271</v>
      </c>
      <c r="C4095" s="6">
        <v>13549214</v>
      </c>
    </row>
    <row r="4096" spans="2:3" x14ac:dyDescent="0.25">
      <c r="B4096" s="21">
        <v>44272</v>
      </c>
      <c r="C4096" s="6">
        <v>13678932</v>
      </c>
    </row>
    <row r="4097" spans="2:3" x14ac:dyDescent="0.25">
      <c r="B4097" s="21">
        <v>44273</v>
      </c>
      <c r="C4097" s="6">
        <v>13618626</v>
      </c>
    </row>
    <row r="4098" spans="2:3" x14ac:dyDescent="0.25">
      <c r="B4098" s="21">
        <v>44274</v>
      </c>
      <c r="C4098" s="6">
        <v>13633002</v>
      </c>
    </row>
    <row r="4099" spans="2:3" x14ac:dyDescent="0.25">
      <c r="B4099" s="21">
        <v>44275</v>
      </c>
      <c r="C4099" s="6">
        <v>12348662</v>
      </c>
    </row>
    <row r="4100" spans="2:3" x14ac:dyDescent="0.25">
      <c r="B4100" s="21">
        <v>44276</v>
      </c>
      <c r="C4100" s="6">
        <v>12127509</v>
      </c>
    </row>
    <row r="4101" spans="2:3" x14ac:dyDescent="0.25">
      <c r="B4101" s="21">
        <v>44277</v>
      </c>
      <c r="C4101" s="6">
        <v>13608026</v>
      </c>
    </row>
    <row r="4102" spans="2:3" x14ac:dyDescent="0.25">
      <c r="B4102" s="21">
        <v>44278</v>
      </c>
      <c r="C4102" s="6">
        <v>13758291</v>
      </c>
    </row>
    <row r="4103" spans="2:3" x14ac:dyDescent="0.25">
      <c r="B4103" s="21">
        <v>44279</v>
      </c>
      <c r="C4103" s="6">
        <v>13484979</v>
      </c>
    </row>
    <row r="4104" spans="2:3" x14ac:dyDescent="0.25">
      <c r="B4104" s="21">
        <v>44280</v>
      </c>
      <c r="C4104" s="6">
        <v>13108520</v>
      </c>
    </row>
    <row r="4105" spans="2:3" x14ac:dyDescent="0.25">
      <c r="B4105" s="21">
        <v>44281</v>
      </c>
      <c r="C4105" s="6">
        <v>12568071</v>
      </c>
    </row>
    <row r="4106" spans="2:3" x14ac:dyDescent="0.25">
      <c r="B4106" s="21">
        <v>44282</v>
      </c>
      <c r="C4106" s="6">
        <v>11088414</v>
      </c>
    </row>
    <row r="4107" spans="2:3" x14ac:dyDescent="0.25">
      <c r="B4107" s="21">
        <v>44283</v>
      </c>
      <c r="C4107" s="6">
        <v>10373928</v>
      </c>
    </row>
    <row r="4108" spans="2:3" x14ac:dyDescent="0.25">
      <c r="B4108" s="21">
        <v>44284</v>
      </c>
      <c r="C4108" s="6">
        <v>12363123</v>
      </c>
    </row>
    <row r="4109" spans="2:3" x14ac:dyDescent="0.25">
      <c r="B4109" s="21">
        <v>44285</v>
      </c>
      <c r="C4109" s="6">
        <v>11994789</v>
      </c>
    </row>
    <row r="4110" spans="2:3" x14ac:dyDescent="0.25">
      <c r="B4110" s="21">
        <v>44286</v>
      </c>
      <c r="C4110" s="6">
        <v>11709280</v>
      </c>
    </row>
    <row r="4111" spans="2:3" x14ac:dyDescent="0.25">
      <c r="B4111" s="21">
        <v>44287</v>
      </c>
      <c r="C4111" s="6">
        <v>11346724</v>
      </c>
    </row>
    <row r="4112" spans="2:3" x14ac:dyDescent="0.25">
      <c r="B4112" s="21">
        <v>44288</v>
      </c>
      <c r="C4112" s="6">
        <v>10077052</v>
      </c>
    </row>
    <row r="4113" spans="2:3" x14ac:dyDescent="0.25">
      <c r="B4113" s="21">
        <v>44289</v>
      </c>
      <c r="C4113" s="6">
        <v>10140599</v>
      </c>
    </row>
    <row r="4114" spans="2:3" x14ac:dyDescent="0.25">
      <c r="B4114" s="21">
        <v>44290</v>
      </c>
      <c r="C4114" s="6">
        <v>9954435</v>
      </c>
    </row>
    <row r="4115" spans="2:3" x14ac:dyDescent="0.25">
      <c r="B4115" s="21">
        <v>44291</v>
      </c>
      <c r="C4115" s="6">
        <v>10127294</v>
      </c>
    </row>
    <row r="4116" spans="2:3" x14ac:dyDescent="0.25">
      <c r="B4116" s="21">
        <v>44292</v>
      </c>
      <c r="C4116" s="6">
        <v>12752601</v>
      </c>
    </row>
    <row r="4117" spans="2:3" x14ac:dyDescent="0.25">
      <c r="B4117" s="21">
        <v>44293</v>
      </c>
      <c r="C4117" s="6">
        <v>13302054</v>
      </c>
    </row>
    <row r="4118" spans="2:3" x14ac:dyDescent="0.25">
      <c r="B4118" s="21">
        <v>44294</v>
      </c>
      <c r="C4118" s="6">
        <v>13258706</v>
      </c>
    </row>
    <row r="4119" spans="2:3" x14ac:dyDescent="0.25">
      <c r="B4119" s="21">
        <v>44295</v>
      </c>
      <c r="C4119" s="6">
        <v>12713215</v>
      </c>
    </row>
    <row r="4120" spans="2:3" x14ac:dyDescent="0.25">
      <c r="B4120" s="21">
        <v>44296</v>
      </c>
      <c r="C4120" s="6">
        <v>10900295</v>
      </c>
    </row>
    <row r="4121" spans="2:3" x14ac:dyDescent="0.25">
      <c r="B4121" s="21">
        <v>44297</v>
      </c>
      <c r="C4121" s="6">
        <v>10233055</v>
      </c>
    </row>
    <row r="4122" spans="2:3" x14ac:dyDescent="0.25">
      <c r="B4122" s="21">
        <v>44298</v>
      </c>
      <c r="C4122" s="6">
        <v>12530535</v>
      </c>
    </row>
    <row r="4123" spans="2:3" x14ac:dyDescent="0.25">
      <c r="B4123" s="21">
        <v>44299</v>
      </c>
      <c r="C4123" s="6">
        <v>12949379</v>
      </c>
    </row>
    <row r="4124" spans="2:3" x14ac:dyDescent="0.25">
      <c r="B4124" s="21">
        <v>44300</v>
      </c>
      <c r="C4124" s="6">
        <v>12906188</v>
      </c>
    </row>
    <row r="4125" spans="2:3" x14ac:dyDescent="0.25">
      <c r="B4125" s="21">
        <v>44301</v>
      </c>
      <c r="C4125" s="6">
        <v>13139227</v>
      </c>
    </row>
    <row r="4126" spans="2:3" x14ac:dyDescent="0.25">
      <c r="B4126" s="21">
        <v>44302</v>
      </c>
      <c r="C4126" s="6">
        <v>13095922</v>
      </c>
    </row>
    <row r="4127" spans="2:3" x14ac:dyDescent="0.25">
      <c r="B4127" s="21">
        <v>44303</v>
      </c>
      <c r="C4127" s="6">
        <v>11456626</v>
      </c>
    </row>
    <row r="4128" spans="2:3" x14ac:dyDescent="0.25">
      <c r="B4128" s="21">
        <v>44304</v>
      </c>
      <c r="C4128" s="6">
        <v>10845915</v>
      </c>
    </row>
    <row r="4129" spans="2:3" x14ac:dyDescent="0.25">
      <c r="B4129" s="21">
        <v>44305</v>
      </c>
      <c r="C4129" s="6">
        <v>12637190</v>
      </c>
    </row>
    <row r="4130" spans="2:3" x14ac:dyDescent="0.25">
      <c r="B4130" s="21">
        <v>44306</v>
      </c>
      <c r="C4130" s="6">
        <v>12448865</v>
      </c>
    </row>
    <row r="4131" spans="2:3" x14ac:dyDescent="0.25">
      <c r="B4131" s="21">
        <v>44307</v>
      </c>
      <c r="C4131" s="6">
        <v>12378530</v>
      </c>
    </row>
    <row r="4132" spans="2:3" x14ac:dyDescent="0.25">
      <c r="B4132" s="21">
        <v>44308</v>
      </c>
      <c r="C4132" s="6">
        <v>12508017</v>
      </c>
    </row>
    <row r="4133" spans="2:3" x14ac:dyDescent="0.25">
      <c r="B4133" s="21">
        <v>44309</v>
      </c>
      <c r="C4133" s="6">
        <v>12196527</v>
      </c>
    </row>
    <row r="4134" spans="2:3" x14ac:dyDescent="0.25">
      <c r="B4134" s="21">
        <v>44310</v>
      </c>
      <c r="C4134" s="6">
        <v>10552531</v>
      </c>
    </row>
    <row r="4135" spans="2:3" x14ac:dyDescent="0.25">
      <c r="B4135" s="21">
        <v>44311</v>
      </c>
      <c r="C4135" s="6">
        <v>10329468</v>
      </c>
    </row>
    <row r="4136" spans="2:3" x14ac:dyDescent="0.25">
      <c r="B4136" s="21">
        <v>44312</v>
      </c>
      <c r="C4136" s="6">
        <v>12314600</v>
      </c>
    </row>
    <row r="4137" spans="2:3" x14ac:dyDescent="0.25">
      <c r="B4137" s="21">
        <v>44313</v>
      </c>
      <c r="C4137" s="6">
        <v>12313479</v>
      </c>
    </row>
    <row r="4138" spans="2:3" x14ac:dyDescent="0.25">
      <c r="B4138" s="21">
        <v>44314</v>
      </c>
      <c r="C4138" s="6">
        <v>12036541</v>
      </c>
    </row>
    <row r="4139" spans="2:3" x14ac:dyDescent="0.25">
      <c r="B4139" s="21">
        <v>44315</v>
      </c>
      <c r="C4139" s="6">
        <v>12001369</v>
      </c>
    </row>
    <row r="4140" spans="2:3" x14ac:dyDescent="0.25">
      <c r="B4140" s="21">
        <v>44316</v>
      </c>
      <c r="C4140" s="6">
        <v>11441779</v>
      </c>
    </row>
    <row r="4141" spans="2:3" x14ac:dyDescent="0.25">
      <c r="B4141" s="21">
        <v>44317</v>
      </c>
      <c r="C4141" s="6">
        <v>9831925</v>
      </c>
    </row>
    <row r="4142" spans="2:3" x14ac:dyDescent="0.25">
      <c r="B4142" s="21">
        <v>44318</v>
      </c>
      <c r="C4142" s="6">
        <v>10075352</v>
      </c>
    </row>
    <row r="4143" spans="2:3" x14ac:dyDescent="0.25">
      <c r="B4143" s="21">
        <v>44319</v>
      </c>
      <c r="C4143" s="6">
        <v>11897567</v>
      </c>
    </row>
    <row r="4144" spans="2:3" x14ac:dyDescent="0.25">
      <c r="B4144" s="21">
        <v>44320</v>
      </c>
      <c r="C4144" s="6">
        <v>11959901</v>
      </c>
    </row>
    <row r="4145" spans="2:3" x14ac:dyDescent="0.25">
      <c r="B4145" s="21">
        <v>44321</v>
      </c>
      <c r="C4145" s="6">
        <v>12085925</v>
      </c>
    </row>
    <row r="4146" spans="2:3" x14ac:dyDescent="0.25">
      <c r="B4146" s="21">
        <v>44322</v>
      </c>
      <c r="C4146" s="6">
        <v>12226768</v>
      </c>
    </row>
    <row r="4147" spans="2:3" x14ac:dyDescent="0.25">
      <c r="B4147" s="21">
        <v>44323</v>
      </c>
      <c r="C4147" s="6">
        <v>11999723</v>
      </c>
    </row>
    <row r="4148" spans="2:3" x14ac:dyDescent="0.25">
      <c r="B4148" s="21">
        <v>44324</v>
      </c>
      <c r="C4148" s="6">
        <v>10018045</v>
      </c>
    </row>
    <row r="4149" spans="2:3" x14ac:dyDescent="0.25">
      <c r="B4149" s="21">
        <v>44325</v>
      </c>
      <c r="C4149" s="6">
        <v>9552050</v>
      </c>
    </row>
    <row r="4150" spans="2:3" x14ac:dyDescent="0.25">
      <c r="B4150" s="21">
        <v>44326</v>
      </c>
      <c r="C4150" s="6">
        <v>11172350</v>
      </c>
    </row>
    <row r="4151" spans="2:3" x14ac:dyDescent="0.25">
      <c r="B4151" s="21">
        <v>44327</v>
      </c>
      <c r="C4151" s="6">
        <v>11198797</v>
      </c>
    </row>
    <row r="4152" spans="2:3" x14ac:dyDescent="0.25">
      <c r="B4152" s="21">
        <v>44328</v>
      </c>
      <c r="C4152" s="6">
        <v>11335381</v>
      </c>
    </row>
    <row r="4153" spans="2:3" x14ac:dyDescent="0.25">
      <c r="B4153" s="21">
        <v>44329</v>
      </c>
      <c r="C4153" s="6">
        <v>11660029</v>
      </c>
    </row>
    <row r="4154" spans="2:3" x14ac:dyDescent="0.25">
      <c r="B4154" s="21">
        <v>44330</v>
      </c>
      <c r="C4154" s="6">
        <v>11374540</v>
      </c>
    </row>
    <row r="4155" spans="2:3" x14ac:dyDescent="0.25">
      <c r="B4155" s="21">
        <v>44331</v>
      </c>
      <c r="C4155" s="6">
        <v>9770781</v>
      </c>
    </row>
    <row r="4156" spans="2:3" x14ac:dyDescent="0.25">
      <c r="B4156" s="21">
        <v>44332</v>
      </c>
      <c r="C4156" s="6">
        <v>9625948</v>
      </c>
    </row>
    <row r="4157" spans="2:3" x14ac:dyDescent="0.25">
      <c r="B4157" s="21">
        <v>44333</v>
      </c>
      <c r="C4157" s="6">
        <v>11520251</v>
      </c>
    </row>
    <row r="4158" spans="2:3" x14ac:dyDescent="0.25">
      <c r="B4158" s="21">
        <v>44334</v>
      </c>
      <c r="C4158" s="6">
        <v>11650675</v>
      </c>
    </row>
    <row r="4159" spans="2:3" x14ac:dyDescent="0.25">
      <c r="B4159" s="21">
        <v>44335</v>
      </c>
      <c r="C4159" s="6">
        <v>11636796</v>
      </c>
    </row>
    <row r="4160" spans="2:3" x14ac:dyDescent="0.25">
      <c r="B4160" s="21">
        <v>44336</v>
      </c>
      <c r="C4160" s="6">
        <v>11624395</v>
      </c>
    </row>
    <row r="4161" spans="2:3" x14ac:dyDescent="0.25">
      <c r="B4161" s="21">
        <v>44337</v>
      </c>
      <c r="C4161" s="6">
        <v>11351958</v>
      </c>
    </row>
    <row r="4162" spans="2:3" x14ac:dyDescent="0.25">
      <c r="B4162" s="21">
        <v>44338</v>
      </c>
      <c r="C4162" s="6">
        <v>9947136</v>
      </c>
    </row>
    <row r="4163" spans="2:3" x14ac:dyDescent="0.25">
      <c r="B4163" s="21">
        <v>44339</v>
      </c>
      <c r="C4163" s="6">
        <v>9730484</v>
      </c>
    </row>
    <row r="4164" spans="2:3" x14ac:dyDescent="0.25">
      <c r="B4164" s="21">
        <v>44340</v>
      </c>
      <c r="C4164" s="6">
        <v>11457452</v>
      </c>
    </row>
    <row r="4165" spans="2:3" x14ac:dyDescent="0.25">
      <c r="B4165" s="21">
        <v>44341</v>
      </c>
      <c r="C4165" s="6">
        <v>11812246</v>
      </c>
    </row>
    <row r="4166" spans="2:3" x14ac:dyDescent="0.25">
      <c r="B4166" s="21">
        <v>44342</v>
      </c>
      <c r="C4166" s="6">
        <v>11761978</v>
      </c>
    </row>
    <row r="4167" spans="2:3" x14ac:dyDescent="0.25">
      <c r="B4167" s="21">
        <v>44343</v>
      </c>
      <c r="C4167" s="6">
        <v>11716469</v>
      </c>
    </row>
    <row r="4168" spans="2:3" x14ac:dyDescent="0.25">
      <c r="B4168" s="21">
        <v>44344</v>
      </c>
      <c r="C4168" s="6">
        <v>11454104</v>
      </c>
    </row>
    <row r="4169" spans="2:3" x14ac:dyDescent="0.25">
      <c r="B4169" s="21">
        <v>44345</v>
      </c>
      <c r="C4169" s="6">
        <v>9886896</v>
      </c>
    </row>
    <row r="4170" spans="2:3" x14ac:dyDescent="0.25">
      <c r="B4170" s="21">
        <v>44346</v>
      </c>
      <c r="C4170" s="6">
        <v>9706308</v>
      </c>
    </row>
    <row r="4171" spans="2:3" x14ac:dyDescent="0.25">
      <c r="B4171" s="21">
        <v>44347</v>
      </c>
      <c r="C4171" s="6">
        <v>11371574</v>
      </c>
    </row>
    <row r="4172" spans="2:3" x14ac:dyDescent="0.25">
      <c r="B4172" s="21">
        <v>44348</v>
      </c>
      <c r="C4172" s="6">
        <v>11445192</v>
      </c>
    </row>
    <row r="4173" spans="2:3" x14ac:dyDescent="0.25">
      <c r="B4173" s="21">
        <v>44349</v>
      </c>
      <c r="C4173" s="6">
        <v>11345516</v>
      </c>
    </row>
    <row r="4174" spans="2:3" x14ac:dyDescent="0.25">
      <c r="B4174" s="21">
        <v>44350</v>
      </c>
      <c r="C4174" s="6">
        <v>11302343</v>
      </c>
    </row>
    <row r="4175" spans="2:3" x14ac:dyDescent="0.25">
      <c r="B4175" s="21">
        <v>44351</v>
      </c>
      <c r="C4175" s="6">
        <v>11095160</v>
      </c>
    </row>
    <row r="4176" spans="2:3" x14ac:dyDescent="0.25">
      <c r="B4176" s="21">
        <v>44352</v>
      </c>
      <c r="C4176" s="6">
        <v>9678066</v>
      </c>
    </row>
    <row r="4177" spans="2:3" x14ac:dyDescent="0.25">
      <c r="B4177" s="21">
        <v>44353</v>
      </c>
      <c r="C4177" s="6">
        <v>9346939</v>
      </c>
    </row>
    <row r="4178" spans="2:3" x14ac:dyDescent="0.25">
      <c r="B4178" s="21">
        <v>44354</v>
      </c>
      <c r="C4178" s="6">
        <v>11189791</v>
      </c>
    </row>
    <row r="4179" spans="2:3" x14ac:dyDescent="0.25">
      <c r="B4179" s="21">
        <v>44355</v>
      </c>
      <c r="C4179" s="6">
        <v>11376939</v>
      </c>
    </row>
    <row r="4180" spans="2:3" x14ac:dyDescent="0.25">
      <c r="B4180" s="21">
        <v>44356</v>
      </c>
      <c r="C4180" s="6">
        <v>11386096</v>
      </c>
    </row>
    <row r="4181" spans="2:3" x14ac:dyDescent="0.25">
      <c r="B4181" s="22">
        <v>44357</v>
      </c>
      <c r="C4181" s="14">
        <v>11369215</v>
      </c>
    </row>
    <row r="4182" spans="2:3" x14ac:dyDescent="0.25">
      <c r="B4182" s="24" t="s">
        <v>5</v>
      </c>
      <c r="C4182" s="3">
        <f>AVERAGE(C3:C4181)</f>
        <v>11325019.927733907</v>
      </c>
    </row>
    <row r="4183" spans="2:3" x14ac:dyDescent="0.25">
      <c r="B4183" s="24" t="s">
        <v>26</v>
      </c>
      <c r="C4183" s="3">
        <f>MAX(C3:C4181)</f>
        <v>15946720</v>
      </c>
    </row>
    <row r="4184" spans="2:3" x14ac:dyDescent="0.25">
      <c r="B4184" s="24" t="s">
        <v>27</v>
      </c>
      <c r="C4184" s="3">
        <f>MIN(C3:C4181)</f>
        <v>3680861</v>
      </c>
    </row>
    <row r="4186" spans="2:3" x14ac:dyDescent="0.25">
      <c r="B4186" s="1" t="s">
        <v>25</v>
      </c>
    </row>
    <row r="4190" spans="2:3" x14ac:dyDescent="0.25">
      <c r="C4190" s="3"/>
    </row>
  </sheetData>
  <mergeCells count="1">
    <mergeCell ref="B1:C1"/>
  </mergeCells>
  <pageMargins left="0.7" right="0.7" top="0.78740157499999996" bottom="0.78740157499999996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listy</vt:lpstr>
      </vt:variant>
      <vt:variant>
        <vt:i4>6</vt:i4>
      </vt:variant>
    </vt:vector>
  </HeadingPairs>
  <TitlesOfParts>
    <vt:vector size="6" baseType="lpstr">
      <vt:lpstr>Distribuční ztráty</vt:lpstr>
      <vt:lpstr>Regulace přeshraničních toků</vt:lpstr>
      <vt:lpstr>Zahraniční výpomoc</vt:lpstr>
      <vt:lpstr>Plán výroby</vt:lpstr>
      <vt:lpstr>Odběr elektřiny</vt:lpstr>
      <vt:lpstr>Zatížení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1529</dc:creator>
  <cp:lastModifiedBy>s1529</cp:lastModifiedBy>
  <dcterms:created xsi:type="dcterms:W3CDTF">2021-06-10T20:11:01Z</dcterms:created>
  <dcterms:modified xsi:type="dcterms:W3CDTF">2021-06-13T11:43:58Z</dcterms:modified>
</cp:coreProperties>
</file>